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jpeg" ContentType="image/jpeg"/>
  <Default Extension="png" ContentType="image/png"/>
  <Default Extension="rels" ContentType="application/vnd.openxmlformats-package.relationships+xml"/>
  <Default Extension="vml" ContentType="application/vnd.openxmlformats-officedocument.vmlDrawing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comments1.xml" ContentType="application/vnd.openxmlformats-officedocument.spreadsheetml.comment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5" rupBuild="28925"/>
  <workbookPr defaultThemeVersion="124226"/>
  <mc:AlternateContent xmlns:mc="http://schemas.openxmlformats.org/markup-compatibility/2006">
    <mc:Choice Requires="x15">
      <x15ac:absPath xmlns:x15ac="http://schemas.microsoft.com/office/spreadsheetml/2010/11/ac" url="\\s004425\users\gjones\Desktop\"/>
    </mc:Choice>
  </mc:AlternateContent>
  <xr:revisionPtr revIDLastSave="0" documentId="8_{EB0659A3-D86A-4911-B7B5-75D83AD9E80C}" xr6:coauthVersionLast="47" xr6:coauthVersionMax="47" xr10:uidLastSave="{00000000-0000-0000-0000-000000000000}"/>
  <workbookProtection workbookPassword="928C" lockStructure="1"/>
  <bookViews>
    <workbookView xWindow="1050" yWindow="0" windowWidth="27720" windowHeight="15255" xr2:uid="{00000000-000D-0000-FFFF-FFFF00000000}"/>
  </bookViews>
  <sheets>
    <sheet name="Generic Tomato Product Specs" sheetId="1" r:id="rId1"/>
    <sheet name="Sheet3" sheetId="3" r:id="rId2"/>
  </sheets>
  <definedNames>
    <definedName name="_xlnm.Print_Area" localSheetId="0">'Generic Tomato Product Specs'!$A$1:$G$76</definedName>
    <definedName name="_xlnm.Print_Titles" localSheetId="0">'Generic Tomato Product Specs'!$1:$6</definedName>
  </definedNames>
  <calcPr calcId="162913"/>
</workbook>
</file>

<file path=xl/comments1.xml><?xml version="1.0" encoding="utf-8"?>
<comments xmlns="http://schemas.openxmlformats.org/spreadsheetml/2006/main" xmlns:mc="http://schemas.openxmlformats.org/markup-compatibility/2006" xmlns:xr="http://schemas.microsoft.com/office/spreadsheetml/2014/revision" mc:Ignorable="xr">
  <authors>
    <author>Todd Holmes</author>
  </authors>
  <commentList>
    <comment ref="E23" authorId="0" shapeId="0" xr:uid="{00000000-0006-0000-0000-000001000000}">
      <text>
        <r>
          <rPr>
            <b/>
            <sz val="9"/>
            <color indexed="81"/>
            <rFont val="Tahoma"/>
            <family val="2"/>
          </rPr>
          <t>Todd Holmes:</t>
        </r>
        <r>
          <rPr>
            <sz val="9"/>
            <color indexed="81"/>
            <rFont val="Tahoma"/>
            <family val="2"/>
          </rPr>
          <t xml:space="preserve">
</t>
        </r>
      </text>
    </comment>
  </commentList>
</comments>
</file>

<file path=xl/sharedStrings.xml><?xml version="1.0" encoding="utf-8"?>
<sst xmlns="http://schemas.openxmlformats.org/spreadsheetml/2006/main" count="351" uniqueCount="253">
  <si>
    <t>VG-??</t>
  </si>
  <si>
    <t>Vegetables / Commercial only</t>
  </si>
  <si>
    <t>GTIN Number</t>
  </si>
  <si>
    <t>Red Gold Items #</t>
  </si>
  <si>
    <t>Product Description</t>
  </si>
  <si>
    <t>3-00-72940-11002-7</t>
  </si>
  <si>
    <t>REDY599</t>
  </si>
  <si>
    <t>3-00-72940-11583-1</t>
  </si>
  <si>
    <t>REDYL99</t>
  </si>
  <si>
    <t>REDY572</t>
  </si>
  <si>
    <t>3-00-72940-11005-8</t>
  </si>
  <si>
    <t>REDSC99</t>
  </si>
  <si>
    <t>3-00-72940-74150-4</t>
  </si>
  <si>
    <t>RPK1A99</t>
  </si>
  <si>
    <t>8-00-72940-82207-9</t>
  </si>
  <si>
    <t>REDNA2ZC84</t>
  </si>
  <si>
    <t>4-00-72940-82207-3</t>
  </si>
  <si>
    <t>REDNA2ZC168</t>
  </si>
  <si>
    <t>8-00-72940-11139-5</t>
  </si>
  <si>
    <t>REDSC2ZC84</t>
  </si>
  <si>
    <t>4-00-72940-11139-7</t>
  </si>
  <si>
    <t>REDSC2ZC168</t>
  </si>
  <si>
    <t>8-00-72940-11135-7</t>
  </si>
  <si>
    <t>REDNA1Z</t>
  </si>
  <si>
    <t>8-00-72940-11580-5</t>
  </si>
  <si>
    <t>REDOA1Z</t>
  </si>
  <si>
    <t>3-00-72940-10094-3</t>
  </si>
  <si>
    <t>REDRL99</t>
  </si>
  <si>
    <t>3-00-72940-82107-7</t>
  </si>
  <si>
    <t>RPKMA9E</t>
  </si>
  <si>
    <t>3-00-72940-82300-2</t>
  </si>
  <si>
    <t>RPKUA99</t>
  </si>
  <si>
    <t>3-00-72940-81800-8</t>
  </si>
  <si>
    <t>RPKHA99</t>
  </si>
  <si>
    <t>3-00-72940-81701-8</t>
  </si>
  <si>
    <t>RPKH69X</t>
  </si>
  <si>
    <t>3-00-72940-81903-6</t>
  </si>
  <si>
    <t>RPKIX99</t>
  </si>
  <si>
    <t>3-00-72940-81909-8</t>
  </si>
  <si>
    <t>RPKIL9E</t>
  </si>
  <si>
    <t>3-00-72940-11574-9</t>
  </si>
  <si>
    <t>REDY59P</t>
  </si>
  <si>
    <t>3-00-72940-82206-7</t>
  </si>
  <si>
    <t>RPKNA9E</t>
  </si>
  <si>
    <t>3-00-72940-82200-5</t>
  </si>
  <si>
    <t>RPKNA99</t>
  </si>
  <si>
    <t>3-00-72940-81400-0</t>
  </si>
  <si>
    <t>RPKDX99</t>
  </si>
  <si>
    <t>6-00-72940-11563-4</t>
  </si>
  <si>
    <t>REDY57D</t>
  </si>
  <si>
    <t>6-00-72940-11550-4</t>
  </si>
  <si>
    <t>REDYL7D</t>
  </si>
  <si>
    <t>6-00-72940-11560-3</t>
  </si>
  <si>
    <t>REDYA3GTH</t>
  </si>
  <si>
    <t>6-00-72940-11577-1</t>
  </si>
  <si>
    <t>REDYL3G</t>
  </si>
  <si>
    <t>6-00-72940-11581-8</t>
  </si>
  <si>
    <t>REDY59G</t>
  </si>
  <si>
    <t>8-00-72940-11579-9</t>
  </si>
  <si>
    <t>REDY51Z</t>
  </si>
  <si>
    <t>6-00-72940-11561-9</t>
  </si>
  <si>
    <t>3-00-72940-14610-1</t>
  </si>
  <si>
    <t>REDBQ9B</t>
  </si>
  <si>
    <t>1-00-72940-11323-9</t>
  </si>
  <si>
    <t>REDOA7D</t>
  </si>
  <si>
    <t>8-00-72940-11119-0</t>
  </si>
  <si>
    <t>Vegetables - Commercial / Commodity</t>
  </si>
  <si>
    <t>Item Code</t>
  </si>
  <si>
    <t>REDYL9G</t>
  </si>
  <si>
    <t>6-00-72940-11584-9</t>
  </si>
  <si>
    <t>1-00-72940-11207-2</t>
  </si>
  <si>
    <t>RPKMA9C</t>
  </si>
  <si>
    <t>REDBK2RC12</t>
  </si>
  <si>
    <t>Name:</t>
  </si>
  <si>
    <t>Phone:</t>
  </si>
  <si>
    <t>Address:</t>
  </si>
  <si>
    <t>Email:</t>
  </si>
  <si>
    <t>Additional Resources:</t>
  </si>
  <si>
    <t xml:space="preserve">National </t>
  </si>
  <si>
    <t>Email: jbatten@redgold.com</t>
  </si>
  <si>
    <t>www.k12tomatoes.com</t>
  </si>
  <si>
    <t>HQ - Indiana</t>
  </si>
  <si>
    <t>Email: jchaffin@redgold.com</t>
  </si>
  <si>
    <t>www.tomatowellness.com</t>
  </si>
  <si>
    <t>Josh Chaffin                                Phone: 765-557-5500  ext.1611</t>
  </si>
  <si>
    <t>Generic Item class</t>
  </si>
  <si>
    <t>Condiments - Commercial / Commodity</t>
  </si>
  <si>
    <t>Condiments - Commercial</t>
  </si>
  <si>
    <t>REDNAHZC264</t>
  </si>
  <si>
    <t>6-00-72940-11058-5</t>
  </si>
  <si>
    <t>7-00-72940-11921-9</t>
  </si>
  <si>
    <r>
      <t xml:space="preserve">TOMATO, KETCHUP, Flavored, Sriracha Hot Chili Sauce - 1000 ct. / 8 gram foil portion packs - </t>
    </r>
    <r>
      <rPr>
        <sz val="12"/>
        <color rgb="FFFF0000"/>
        <rFont val="Calibri"/>
        <family val="2"/>
        <scheme val="minor"/>
      </rPr>
      <t>made with sugar (no HFCS)</t>
    </r>
  </si>
  <si>
    <r>
      <t xml:space="preserve">TOMATO, KETCHUP, </t>
    </r>
    <r>
      <rPr>
        <sz val="12"/>
        <color rgb="FFFF0000"/>
        <rFont val="Calibri"/>
        <family val="2"/>
        <scheme val="minor"/>
      </rPr>
      <t>Made with sugar (no HFCS),</t>
    </r>
    <r>
      <rPr>
        <sz val="12"/>
        <color rgb="FF333333"/>
        <rFont val="Calibri"/>
        <family val="2"/>
        <scheme val="minor"/>
      </rPr>
      <t xml:space="preserve"> </t>
    </r>
    <r>
      <rPr>
        <sz val="12"/>
        <color rgb="FFFF0000"/>
        <rFont val="Calibri"/>
        <family val="2"/>
        <scheme val="minor"/>
      </rPr>
      <t>Enhanced</t>
    </r>
    <r>
      <rPr>
        <sz val="12"/>
        <color rgb="FF333333"/>
        <rFont val="Calibri"/>
        <family val="2"/>
        <scheme val="minor"/>
      </rPr>
      <t xml:space="preserve"> low sodium, 6/#10 cans; </t>
    </r>
    <r>
      <rPr>
        <sz val="12"/>
        <color rgb="FFFF0000"/>
        <rFont val="Calibri"/>
        <family val="2"/>
        <scheme val="minor"/>
      </rPr>
      <t>BPA Free Liner;</t>
    </r>
    <r>
      <rPr>
        <sz val="12"/>
        <color rgb="FF333333"/>
        <rFont val="Calibri"/>
        <family val="2"/>
        <scheme val="minor"/>
      </rPr>
      <t xml:space="preserve"> </t>
    </r>
    <r>
      <rPr>
        <sz val="12"/>
        <color rgb="FFFF0000"/>
        <rFont val="Calibri"/>
        <family val="2"/>
        <scheme val="minor"/>
      </rPr>
      <t>max. 50 mg of sodium/1 tablespoon</t>
    </r>
  </si>
  <si>
    <r>
      <rPr>
        <sz val="12"/>
        <rFont val="Calibri"/>
        <family val="2"/>
        <scheme val="minor"/>
      </rPr>
      <t xml:space="preserve">TOMATO, KETCHUP, </t>
    </r>
    <r>
      <rPr>
        <sz val="12"/>
        <color rgb="FFFF0000"/>
        <rFont val="Calibri"/>
        <family val="2"/>
        <scheme val="minor"/>
      </rPr>
      <t xml:space="preserve">Made with Sugar (No HFCS), Enhanced </t>
    </r>
    <r>
      <rPr>
        <sz val="12"/>
        <rFont val="Calibri"/>
        <family val="2"/>
        <scheme val="minor"/>
      </rPr>
      <t>Low Sodium - 1000ct. / 9 gram</t>
    </r>
    <r>
      <rPr>
        <sz val="12"/>
        <color rgb="FFFF0000"/>
        <rFont val="Calibri"/>
        <family val="2"/>
        <scheme val="minor"/>
      </rPr>
      <t xml:space="preserve"> foil </t>
    </r>
    <r>
      <rPr>
        <sz val="12"/>
        <rFont val="Calibri"/>
        <family val="2"/>
        <scheme val="minor"/>
      </rPr>
      <t>portion control packet</t>
    </r>
    <r>
      <rPr>
        <sz val="12"/>
        <color rgb="FFFF0000"/>
        <rFont val="Calibri"/>
        <family val="2"/>
        <scheme val="minor"/>
      </rPr>
      <t>; max. 25 mg of sodium/1 packet</t>
    </r>
  </si>
  <si>
    <r>
      <t>TOMATO, KETCHUP, Dunk Cups,</t>
    </r>
    <r>
      <rPr>
        <sz val="12"/>
        <color rgb="FFFF0000"/>
        <rFont val="Calibri"/>
        <family val="2"/>
        <scheme val="minor"/>
      </rPr>
      <t xml:space="preserve"> Made with Sugar (No HFCS); Enhanced </t>
    </r>
    <r>
      <rPr>
        <sz val="12"/>
        <rFont val="Calibri"/>
        <family val="2"/>
        <scheme val="minor"/>
      </rPr>
      <t>Low Sodium - 1 oz.</t>
    </r>
    <r>
      <rPr>
        <sz val="12"/>
        <color rgb="FF333333"/>
        <rFont val="Calibri"/>
        <family val="2"/>
        <scheme val="minor"/>
      </rPr>
      <t xml:space="preserve">; </t>
    </r>
    <r>
      <rPr>
        <sz val="12"/>
        <color rgb="FFFF0000"/>
        <rFont val="Calibri"/>
        <family val="2"/>
        <scheme val="minor"/>
      </rPr>
      <t xml:space="preserve">max. 75 mg. of sodium/serving; </t>
    </r>
  </si>
  <si>
    <t>6-00-72940-11057-8</t>
  </si>
  <si>
    <r>
      <rPr>
        <sz val="12"/>
        <rFont val="Calibri"/>
        <family val="2"/>
        <scheme val="minor"/>
      </rPr>
      <t xml:space="preserve">TOMATO, SAUCE, Marinara, Dipping Cups, </t>
    </r>
    <r>
      <rPr>
        <sz val="12"/>
        <color rgb="FFFF0000"/>
        <rFont val="Calibri"/>
        <family val="2"/>
        <scheme val="minor"/>
      </rPr>
      <t>264 ct./ 1.25 oz dipping cups. Individual portions. Enhanced low sodium; Max 100 mg. of sodium; Made with Sugar (No HFCS); One cup provides 1/4 cup Red/Orange Veg. serving; Credit substantiated with Product Formulation Statement. Minimum 9 months shelf life from production.</t>
    </r>
  </si>
  <si>
    <r>
      <rPr>
        <sz val="12"/>
        <rFont val="Calibri"/>
        <family val="2"/>
        <scheme val="minor"/>
      </rPr>
      <t xml:space="preserve">TOMATO, DICED and Green Chilies, </t>
    </r>
    <r>
      <rPr>
        <sz val="12"/>
        <color rgb="FFFF0000"/>
        <rFont val="Calibri"/>
        <family val="2"/>
        <scheme val="minor"/>
      </rPr>
      <t>12/28 oz cans; max 160 mg. of sodium / 2.3 oz. serving; serving must credit as 1/4 cup Red/Orange Vegetable per published USDA Food Buying Guide Yield standards.</t>
    </r>
  </si>
  <si>
    <r>
      <t>TOMATO, SAUCE, Spaghetti, 6/#10 cans;</t>
    </r>
    <r>
      <rPr>
        <sz val="12"/>
        <color rgb="FFFF0000"/>
        <rFont val="Calibri"/>
        <family val="2"/>
        <scheme val="minor"/>
      </rPr>
      <t xml:space="preserve"> BPA Free Liner; 1.2 oz. serving must credit as 1/4 cup Red/Orange Vegetable with Product Formulation Statement. </t>
    </r>
    <r>
      <rPr>
        <sz val="12"/>
        <rFont val="Calibri"/>
        <family val="2"/>
        <scheme val="minor"/>
      </rPr>
      <t>max 135 mg. of sodium / 1.2 oz. serving;</t>
    </r>
  </si>
  <si>
    <r>
      <t xml:space="preserve">TOMATO, SAUCE, 6/#10 cans; </t>
    </r>
    <r>
      <rPr>
        <sz val="12"/>
        <color rgb="FFFF0000"/>
        <rFont val="Calibri"/>
        <family val="2"/>
        <scheme val="minor"/>
      </rPr>
      <t xml:space="preserve">1.2 oz. serving must credit as 1/4 cup Red/Orange Vegetable, validated with Company Product Formulation Statement. Max 160 mg. of sodium / 1.2 oz. serving; </t>
    </r>
  </si>
  <si>
    <r>
      <t xml:space="preserve">TOMATO, SAUCE, 6/#10 cans; low sodium, </t>
    </r>
    <r>
      <rPr>
        <sz val="12"/>
        <color rgb="FFFF0000"/>
        <rFont val="Calibri"/>
        <family val="2"/>
        <scheme val="minor"/>
      </rPr>
      <t xml:space="preserve">2 oz. serving must credit as 1/4 cup Red/Orange Vegetable, validated with Company Product Formulation Statement. Max 50 mg. of sodium / 1.2 oz. serving; </t>
    </r>
  </si>
  <si>
    <t>3-00-72940-10052-3</t>
  </si>
  <si>
    <t>VINMS99</t>
  </si>
  <si>
    <t>VINHM99</t>
  </si>
  <si>
    <r>
      <t>TOMATO, SAUCE, Spaghetti, 6/#10 cans;</t>
    </r>
    <r>
      <rPr>
        <sz val="12"/>
        <color rgb="FFFF0000"/>
        <rFont val="Calibri"/>
        <family val="2"/>
        <scheme val="minor"/>
      </rPr>
      <t xml:space="preserve"> BPA Free Liner; 2 oz. serving must credit as 1/4 cup Red/Orange Vegetable with Product Formulation Statement. </t>
    </r>
    <r>
      <rPr>
        <sz val="12"/>
        <rFont val="Calibri"/>
        <family val="2"/>
        <scheme val="minor"/>
      </rPr>
      <t>max 75 mg. of sodium /2 oz. serving;</t>
    </r>
  </si>
  <si>
    <t>3-00-72940-10015-8</t>
  </si>
  <si>
    <t>Generic Product Specification Information / Item Description</t>
  </si>
  <si>
    <r>
      <rPr>
        <sz val="12"/>
        <rFont val="Calibri"/>
        <family val="2"/>
        <scheme val="minor"/>
      </rPr>
      <t>TOMATO, DICED, 6/#10 cans</t>
    </r>
    <r>
      <rPr>
        <sz val="12"/>
        <color rgb="FFFF0000"/>
        <rFont val="Calibri"/>
        <family val="2"/>
        <scheme val="minor"/>
      </rPr>
      <t xml:space="preserve"> in juice (No Salt Added); BPA Free Liner; max 7 mg. of sodium / 2.1 oz. serving; serving must credit as 1/4 cup Red/Orange Vegetable per published USDA Food Buying Guide Yield standards.</t>
    </r>
  </si>
  <si>
    <t>City/ State/ Zip</t>
  </si>
  <si>
    <t>Redpack Marinara Sauce   - 6/#10 Cans</t>
  </si>
  <si>
    <t>Redpack Nutritionally Enhanced Fully Prepared Pizza Sauce (Low Sodium) - 6/#10 Cans</t>
  </si>
  <si>
    <t>Redpack Pizza Sauce - Fully Prepared - 6/#10 Cans</t>
  </si>
  <si>
    <t>Redpack Pizza Sauce w/ Basil - 6/#10 Cans</t>
  </si>
  <si>
    <t>Redpack Nutritionally Enhanced Spaghetti Sauce  (Low Sodium) - 6/#10 Cans</t>
  </si>
  <si>
    <t>Redpack Multi Purpose Spaghetti Sauce - 6/#10 Cans</t>
  </si>
  <si>
    <t>Vine Ripe Low Sodium Spaghetti Sauce (no flavor enhancements) - 6/#10 Cans</t>
  </si>
  <si>
    <t>Redpack Sloppy Joe Sauce - 6/#10 Cans</t>
  </si>
  <si>
    <t>Redpack Tomato Sauce - 6/#10 Cans</t>
  </si>
  <si>
    <t>Vine Ripe Low Sodium Tomato Sauce (no flavor enhancements) - 6/#10 Cans</t>
  </si>
  <si>
    <t>Redpack Tomato Paste - 6/#10 Cans</t>
  </si>
  <si>
    <t>Red Gold Canned Diced Tomatoes and Green Chiles - 12/28 oz. cans</t>
  </si>
  <si>
    <t>Redpack Tomato Puree 1.060 - 6/#10 Cans</t>
  </si>
  <si>
    <t>Redpack Concentrated Crushed Tomatoes - 6/#10 Cans</t>
  </si>
  <si>
    <t>HUYYW8G</t>
  </si>
  <si>
    <r>
      <rPr>
        <sz val="12"/>
        <rFont val="Calibri"/>
        <family val="2"/>
        <scheme val="minor"/>
      </rPr>
      <t xml:space="preserve">TOMATO, KETCHUP, </t>
    </r>
    <r>
      <rPr>
        <sz val="12"/>
        <color rgb="FFFF0000"/>
        <rFont val="Calibri"/>
        <family val="2"/>
        <scheme val="minor"/>
      </rPr>
      <t>Made with Sugar (no HFCS); Enhanced</t>
    </r>
    <r>
      <rPr>
        <sz val="12"/>
        <color rgb="FF333333"/>
        <rFont val="Calibri"/>
        <family val="2"/>
        <scheme val="minor"/>
      </rPr>
      <t xml:space="preserve"> low sodium bag-in-box; 1/3 gallon;</t>
    </r>
    <r>
      <rPr>
        <sz val="12"/>
        <color rgb="FFFF0000"/>
        <rFont val="Calibri"/>
        <family val="2"/>
        <scheme val="minor"/>
      </rPr>
      <t xml:space="preserve"> wall rack and dispensing valves available; max. 50 mg of sodium/1 tablespoon</t>
    </r>
  </si>
  <si>
    <t>REDSCHZC264</t>
  </si>
  <si>
    <t>TBD</t>
  </si>
  <si>
    <t>Red Gold LOCAL Broker Contact Info (Market):</t>
  </si>
  <si>
    <t>CONDIMENTS - Regular Sodium</t>
  </si>
  <si>
    <t>CONDIMENTS - Enhanced Low Sodium &amp; Other Options</t>
  </si>
  <si>
    <t>HFCS =                  High Fructose Corn Syrup</t>
  </si>
  <si>
    <t>www.redgoldtomatoes.com</t>
  </si>
  <si>
    <r>
      <t>T</t>
    </r>
    <r>
      <rPr>
        <sz val="12"/>
        <rFont val="Calibri"/>
        <family val="2"/>
        <scheme val="minor"/>
      </rPr>
      <t>OMATO, SAUCE, Marinara, Dipping Cups,</t>
    </r>
    <r>
      <rPr>
        <sz val="12"/>
        <color rgb="FFFF0000"/>
        <rFont val="Calibri"/>
        <family val="2"/>
        <scheme val="minor"/>
      </rPr>
      <t xml:space="preserve"> 250 ct./ 1.0 oz dunk cups. Individual portion cups. </t>
    </r>
    <r>
      <rPr>
        <b/>
        <u/>
        <sz val="12"/>
        <color rgb="FFFF0000"/>
        <rFont val="Calibri"/>
        <family val="2"/>
        <scheme val="minor"/>
      </rPr>
      <t xml:space="preserve">Made with Sugar (no HFCS); </t>
    </r>
    <r>
      <rPr>
        <sz val="12"/>
        <color rgb="FFFF0000"/>
        <rFont val="Calibri"/>
        <family val="2"/>
        <scheme val="minor"/>
      </rPr>
      <t>Enhanced low sodium; max 120 mg. of sodium /serving; full cup may credit as 1/8 cup Red/Orange Vegetable with Product Formulation Statement.  One cup provides 1/8th cup servings = V-RO.</t>
    </r>
  </si>
  <si>
    <t>DIRECTOR</t>
  </si>
  <si>
    <t>REDOA9P</t>
  </si>
  <si>
    <r>
      <rPr>
        <b/>
        <sz val="11"/>
        <rFont val="Calibri"/>
        <family val="2"/>
        <scheme val="minor"/>
      </rPr>
      <t xml:space="preserve">Black Font in Column C indicates a typical item description; </t>
    </r>
    <r>
      <rPr>
        <b/>
        <sz val="11"/>
        <color rgb="FFFF0000"/>
        <rFont val="Calibri"/>
        <family val="2"/>
        <scheme val="minor"/>
      </rPr>
      <t>RED font indicates additional product attributes and potential specification updates that may be made by districts to provide more detail and identify significant attributes in the product.</t>
    </r>
  </si>
  <si>
    <t>Redpack Marinara Sauce   - 6/#10 Pouches</t>
  </si>
  <si>
    <t>RPKNC9H</t>
  </si>
  <si>
    <t>3-00-72940-99707-9</t>
  </si>
  <si>
    <r>
      <rPr>
        <sz val="12"/>
        <rFont val="Calibri"/>
        <family val="2"/>
        <scheme val="minor"/>
      </rPr>
      <t>CONDIMENT, Ranch Dressing,</t>
    </r>
    <r>
      <rPr>
        <sz val="12"/>
        <color rgb="FFFF0000"/>
        <rFont val="Calibri"/>
        <family val="2"/>
        <scheme val="minor"/>
      </rPr>
      <t xml:space="preserve"> Light;</t>
    </r>
    <r>
      <rPr>
        <sz val="12"/>
        <rFont val="Calibri"/>
        <family val="2"/>
        <scheme val="minor"/>
      </rPr>
      <t xml:space="preserve"> Bulk;</t>
    </r>
    <r>
      <rPr>
        <sz val="12"/>
        <color rgb="FFFF0000"/>
        <rFont val="Calibri"/>
        <family val="2"/>
        <scheme val="minor"/>
      </rPr>
      <t xml:space="preserve"> Plastic Jugs with resealable cap; 6/xxx oz.; XXX Servings/case;  Nutrients Per 1 tbsp (14 g): ____calories or less; ___% or less Sat Fat; and ___mg or less of Sodium: each case includes one free plastic pump</t>
    </r>
  </si>
  <si>
    <t>Red Gold Ranch Dressing Bulk (Light / Lower Sodium) -  6/#10 Plastic Jugs (with free pump)</t>
  </si>
  <si>
    <t>REDYL9P</t>
  </si>
  <si>
    <t>8-00-72940-74737-2</t>
  </si>
  <si>
    <t>Red Gold Naturally Balanced Ketchup (Enhanced Low Sodium / Sweetened with Sugar/ No HFCS) - 3 gal. BIB</t>
  </si>
  <si>
    <t>Red Gold Naturally Balanced BBQ Sauce (Enhanced Low Sodium / Sweetened with Sugar/ No HFCS)  - Dispenser Pouch Bulk - 2/1.5 gallon</t>
  </si>
  <si>
    <t>CONDIMENTS - Regular Sodium / No HFCS / Specialty &amp; Flavored</t>
  </si>
  <si>
    <t>CONDIMENTS - Regular Sodium / No HFCS / Specialty</t>
  </si>
  <si>
    <t>Red Gold National K12 Education Sales Team Support Contact Info:</t>
  </si>
  <si>
    <t>Red Gold Local K12 Education Sales Team Support Contact Info:</t>
  </si>
  <si>
    <t>Red Gold Ketchup / Fancy 33%  -6/#10 Plastic Jugs with Free Pump in each case (114 oz. each; 684 oz. /case)</t>
  </si>
  <si>
    <r>
      <rPr>
        <sz val="12"/>
        <rFont val="Calibri"/>
        <family val="2"/>
        <scheme val="minor"/>
      </rPr>
      <t>TOMATO, KETCHUP, Fancy, 33%, 1/3 gal, bag-in-box</t>
    </r>
    <r>
      <rPr>
        <sz val="12"/>
        <color rgb="FFFF0000"/>
        <rFont val="Calibri"/>
        <family val="2"/>
        <scheme val="minor"/>
      </rPr>
      <t>, wall rack &amp; dispensing valves available at no charge from mfg.</t>
    </r>
  </si>
  <si>
    <r>
      <t xml:space="preserve">TOMATO, KETCHUP, Fancy, 33%, 6/#10 cans, 115 oz., </t>
    </r>
    <r>
      <rPr>
        <sz val="12"/>
        <color rgb="FFFF0000"/>
        <rFont val="Calibri"/>
        <family val="2"/>
        <scheme val="minor"/>
      </rPr>
      <t xml:space="preserve">BPA Free Liner; </t>
    </r>
  </si>
  <si>
    <r>
      <t xml:space="preserve">TOMATO, KETCHUP, Fancy, 33%, 6/114 oz., Red Plastic Jug; each </t>
    </r>
    <r>
      <rPr>
        <sz val="12"/>
        <color rgb="FFFF0000"/>
        <rFont val="Calibri"/>
        <family val="2"/>
        <scheme val="minor"/>
      </rPr>
      <t>case must contain 1 pump. Extra pumps available upon request.</t>
    </r>
  </si>
  <si>
    <r>
      <t>TOMATO, KETCHUP, Fancy, 33%,  6/7 lb. 2oz. Pouches</t>
    </r>
    <r>
      <rPr>
        <sz val="12"/>
        <color rgb="FFFF0000"/>
        <rFont val="Calibri"/>
        <family val="2"/>
        <scheme val="minor"/>
      </rPr>
      <t xml:space="preserve"> (#10 can equivalent)</t>
    </r>
  </si>
  <si>
    <r>
      <t xml:space="preserve">TOMATO, KETCHUP, Fancy, 33%, 1000ct. / 9 gram </t>
    </r>
    <r>
      <rPr>
        <sz val="12"/>
        <color rgb="FFFF0000"/>
        <rFont val="Calibri"/>
        <family val="2"/>
        <scheme val="minor"/>
      </rPr>
      <t xml:space="preserve">foil </t>
    </r>
    <r>
      <rPr>
        <sz val="12"/>
        <color rgb="FF333333"/>
        <rFont val="Calibri"/>
        <family val="2"/>
        <scheme val="minor"/>
      </rPr>
      <t>portion packs.</t>
    </r>
  </si>
  <si>
    <t>Red Gold Ketchup / Fancy 33%  -  6/#10 Cans</t>
  </si>
  <si>
    <t>Red Gold Ketchup / Fancy 33%- 6/#10 Poly Pouches</t>
  </si>
  <si>
    <t>Red Gold Ketchup / Fancy 33%  -  1000 / 9 gm Foil Packets (white)</t>
  </si>
  <si>
    <t>Red Gold Ketchup / Fancy 33% - 2/ 1.5 gal. Dispenser Pouches (for Server Dispenser)</t>
  </si>
  <si>
    <t>Red Gold Canned Diced Tomatoes in Juice (no salt added) - 6/#10 Cans</t>
  </si>
  <si>
    <t>Red Gold Nutritionally Enhanced Enchilada Sauce - Enhanced Low Sodium - 6/#10 Cans</t>
  </si>
  <si>
    <t>Red Gold Nutritionally Enhanced Low Sodium Salsa - 6/#10 Cans</t>
  </si>
  <si>
    <t>Red Gold Salsa Dipping Cups - 3 oz. (Meets 1/2 cup R/O Veg.) - 84 ct. (Nutritionally Enhanced Low Sodium)</t>
  </si>
  <si>
    <t>Red Gold Salsa Dipping Cups - 3 oz. (Meets 1/2 cup R/O Veg.) Double Pack - 168 ct. (Nutritionally Enhanced Low Sodium)</t>
  </si>
  <si>
    <t>Red Gold Salsa Dipping Cups - 1.5 oz. (Meets 1/4 cup R/O Veg.) - 264 ct. (Nutritionally Enhanced Low Sodium)</t>
  </si>
  <si>
    <t xml:space="preserve">Redpack Nutritionally Enhanced Marinara Sauce  (Low Sodium) - 6/#10 Cans </t>
  </si>
  <si>
    <t>Red Gold Marinara Sauce Dunk Cups  - 1.0 oz. (Meets 1/8th cup R/O Credit) - 250 ct. (Nutritionally Enhanced Low Sodium)</t>
  </si>
  <si>
    <t>Red Gold Marinara Sauce Dipping Cup - 2.5 oz. (Meets 1/2 cup R/O Veg) - 84 ct.(Nutritionally Enhanced Low Sodium)</t>
  </si>
  <si>
    <t>Red Gold Marinara Sauce Dipping Cup - 2.5 oz. (Meets 1/2 cup R/O Veg) Double Pack - 168 ct. (Nutritionally Enhanced Low Sodium)</t>
  </si>
  <si>
    <t>Red Gold Marinara Sauce Dipping Cup - 1.25 oz. (Meets 1/4 cup R/O Veg) - 264 ct. (Nutritionally Enhanced Low Sodium)</t>
  </si>
  <si>
    <t>7-00-72940-XXXXX-X</t>
  </si>
  <si>
    <t>CONDIMENTS - Ketchup - Regular Sodium / HFCS</t>
  </si>
  <si>
    <t>CREDITING Tomato Items - Sauces / Salsa / Ingredients</t>
  </si>
  <si>
    <t>Note: This worksheet /tool is available in an open, unlocked Excel Document for ease of use (i.e. copying &amp; pasting).                                                                                                                                           Please request from local broker or RG Contacts listed below or                                                                                              visit www.k12tomatoes.com</t>
  </si>
  <si>
    <r>
      <rPr>
        <sz val="12"/>
        <rFont val="Calibri"/>
        <family val="2"/>
        <scheme val="minor"/>
      </rPr>
      <t>TOMATO, SAUCE</t>
    </r>
    <r>
      <rPr>
        <sz val="12"/>
        <color rgb="FFFF0000"/>
        <rFont val="Calibri"/>
        <family val="2"/>
        <scheme val="minor"/>
      </rPr>
      <t xml:space="preserve">, </t>
    </r>
    <r>
      <rPr>
        <sz val="12"/>
        <rFont val="Calibri"/>
        <family val="2"/>
        <scheme val="minor"/>
      </rPr>
      <t>Enchilada,</t>
    </r>
    <r>
      <rPr>
        <sz val="12"/>
        <color rgb="FFFF0000"/>
        <rFont val="Calibri"/>
        <family val="2"/>
        <scheme val="minor"/>
      </rPr>
      <t xml:space="preserve"> enhanced low sodium, No HFCS, 6/#10 cans; max 70 mg. of sodium / 2.2 oz. serving; 2.2 oz. serving must credit as 1/4 cup Red/Orange Vegetable with Product Formulation Statement. One serving provides 1/4 c V-RO.</t>
    </r>
  </si>
  <si>
    <t>Low Sodium Products - Identify "Enhanced" or Regular Low Sodium - 2 Options</t>
  </si>
  <si>
    <r>
      <t xml:space="preserve">1) </t>
    </r>
    <r>
      <rPr>
        <b/>
        <i/>
        <u/>
        <sz val="12"/>
        <color rgb="FF333333"/>
        <rFont val="Calibri"/>
        <family val="2"/>
        <scheme val="minor"/>
      </rPr>
      <t>Enhanced Low Sodium</t>
    </r>
    <r>
      <rPr>
        <b/>
        <sz val="12"/>
        <color rgb="FF333333"/>
        <rFont val="Calibri"/>
        <family val="2"/>
        <scheme val="minor"/>
      </rPr>
      <t xml:space="preserve"> products have substantially lower sodium but still retain the full flavor due to unique formula additions such as herbs and spices and natural flavors.   </t>
    </r>
    <r>
      <rPr>
        <sz val="12"/>
        <color rgb="FF333333"/>
        <rFont val="Calibri"/>
        <family val="2"/>
        <scheme val="minor"/>
      </rPr>
      <t xml:space="preserve">                                                     2) </t>
    </r>
    <r>
      <rPr>
        <sz val="12"/>
        <color rgb="FFFF0000"/>
        <rFont val="Calibri"/>
        <family val="2"/>
        <scheme val="minor"/>
      </rPr>
      <t xml:space="preserve">Regular Low Sodium products (vs. Enhanced) have only removed the sodium, with no additional formulation changes to affect taste and palatability.                                                                                                                                 </t>
    </r>
    <r>
      <rPr>
        <sz val="12"/>
        <rFont val="Calibri"/>
        <family val="2"/>
        <scheme val="minor"/>
      </rPr>
      <t xml:space="preserve"> Note: Cost parameters vary based on specification.</t>
    </r>
    <r>
      <rPr>
        <sz val="12"/>
        <color rgb="FFFF0000"/>
        <rFont val="Calibri"/>
        <family val="2"/>
        <scheme val="minor"/>
      </rPr>
      <t xml:space="preserve"> </t>
    </r>
  </si>
  <si>
    <t>Red Gold / Redpack Tomato &amp; Condiment Products (Meets specifications on left)</t>
  </si>
  <si>
    <t>Location:</t>
  </si>
  <si>
    <t xml:space="preserve">Name </t>
  </si>
  <si>
    <t>Position</t>
  </si>
  <si>
    <r>
      <t xml:space="preserve">ALL </t>
    </r>
    <r>
      <rPr>
        <b/>
        <sz val="12"/>
        <color rgb="FF333333"/>
        <rFont val="Calibri"/>
        <family val="2"/>
        <scheme val="minor"/>
      </rPr>
      <t>Enhanced Low Sodium</t>
    </r>
    <r>
      <rPr>
        <sz val="12"/>
        <color rgb="FF333333"/>
        <rFont val="Calibri"/>
        <family val="2"/>
        <scheme val="minor"/>
      </rPr>
      <t xml:space="preserve"> Products highlighted in yellow</t>
    </r>
  </si>
  <si>
    <t>Mama Selita's Jalapeno Ketchup - 12/20 oz. Bottle</t>
  </si>
  <si>
    <t xml:space="preserve">TOMATO, KETCHUP, Flavored, Jalapeno  - Upside Down Bottles,  12/20 oz. </t>
  </si>
  <si>
    <r>
      <rPr>
        <sz val="12"/>
        <rFont val="Calibri"/>
        <family val="2"/>
        <scheme val="minor"/>
      </rPr>
      <t xml:space="preserve">TOMATO, SALSA, Dipping Cups, </t>
    </r>
    <r>
      <rPr>
        <sz val="12"/>
        <color rgb="FFFF0000"/>
        <rFont val="Calibri"/>
        <family val="2"/>
        <scheme val="minor"/>
      </rPr>
      <t>168 ct./ 3.0 oz. dipping cups. Individual portion cups. One (1) portion cup provides a full 1/2 cup Red/Orange Vegetable Serving Credit, with substantiated Company Product Formulation Statement. Sodium Nutrient Profile Per Cup: Max: 200 mg.; Minimum 9 months shelf life from production.</t>
    </r>
  </si>
  <si>
    <r>
      <rPr>
        <sz val="12"/>
        <rFont val="Calibri"/>
        <family val="2"/>
        <scheme val="minor"/>
      </rPr>
      <t xml:space="preserve">TOMATO, SALSA, Dipping Cups, </t>
    </r>
    <r>
      <rPr>
        <sz val="12"/>
        <color rgb="FFFF0000"/>
        <rFont val="Calibri"/>
        <family val="2"/>
        <scheme val="minor"/>
      </rPr>
      <t>84 ct./ 3.0 oz. dipping cups. Individual portion cups.  One (1) portion cup provides a full 1/2 cup Red/Orange Vegetable Serving Credit, with substantiated Company Product Formulation Statement. Sodium Nutrient Profile Per Cup: Max: 200 mg.; Minimum 9 months shelf life from production.</t>
    </r>
  </si>
  <si>
    <r>
      <t xml:space="preserve">TOMATO, SALSA,  6/#10 cans </t>
    </r>
    <r>
      <rPr>
        <sz val="12"/>
        <color rgb="FFFF0000"/>
        <rFont val="Calibri"/>
        <family val="2"/>
        <scheme val="minor"/>
      </rPr>
      <t xml:space="preserve">Nutrionally Enhanced, </t>
    </r>
    <r>
      <rPr>
        <sz val="12"/>
        <rFont val="Calibri"/>
        <family val="2"/>
        <scheme val="minor"/>
      </rPr>
      <t xml:space="preserve">Low Sodium </t>
    </r>
    <r>
      <rPr>
        <sz val="12"/>
        <color rgb="FF333333"/>
        <rFont val="Calibri"/>
        <family val="2"/>
        <scheme val="minor"/>
      </rPr>
      <t xml:space="preserve">; </t>
    </r>
    <r>
      <rPr>
        <sz val="12"/>
        <color rgb="FFFF0000"/>
        <rFont val="Calibri"/>
        <family val="2"/>
        <scheme val="minor"/>
      </rPr>
      <t>BPA Free Liner; max 105 mg. of sodium / 1.5 oz. serving; 1.5 oz. serving size must credit as 1/4 cup Red/Orange Vegetable with signed Product Formulation Statement</t>
    </r>
  </si>
  <si>
    <r>
      <t xml:space="preserve">TOMATO, SAUCE, Marinara, , 6/#10 cans, </t>
    </r>
    <r>
      <rPr>
        <sz val="12"/>
        <color rgb="FFFF0000"/>
        <rFont val="Calibri"/>
        <family val="2"/>
        <scheme val="minor"/>
      </rPr>
      <t>nutritionally enhanced, low sodium, no HFCS</t>
    </r>
    <r>
      <rPr>
        <sz val="12"/>
        <color rgb="FF333333"/>
        <rFont val="Calibri"/>
        <family val="2"/>
        <scheme val="minor"/>
      </rPr>
      <t xml:space="preserve">; </t>
    </r>
    <r>
      <rPr>
        <sz val="12"/>
        <color rgb="FFFF0000"/>
        <rFont val="Calibri"/>
        <family val="2"/>
        <scheme val="minor"/>
      </rPr>
      <t xml:space="preserve">BPA Free Liner; 1.5 oz. serving must credit as 1/4 cup Red/Orange Vegetable with Product Formulation Statement; One 1.5 ozserving provides 1/4 c V-RO.; max 47 mg. of sodium / 1.5 oz. serving; max. </t>
    </r>
  </si>
  <si>
    <r>
      <rPr>
        <sz val="12"/>
        <rFont val="Calibri"/>
        <family val="2"/>
        <scheme val="minor"/>
      </rPr>
      <t xml:space="preserve">TOMATO, SALSA, Dipping Cups, </t>
    </r>
    <r>
      <rPr>
        <sz val="12"/>
        <color rgb="FFFF0000"/>
        <rFont val="Calibri"/>
        <family val="2"/>
        <scheme val="minor"/>
      </rPr>
      <t xml:space="preserve">264 ct./ 1.5 oz. dipping cups. Individual portion cups.  One (1) portion cup provides a full 1/4 cup Red/Orange Veg Credit, substantiated with Company Product Formulation Statement; Sodium Nutrient Profile Per Cup: Max: 100 mg.; Minimum 9 months shelf life from production. </t>
    </r>
  </si>
  <si>
    <r>
      <rPr>
        <sz val="12"/>
        <rFont val="Calibri"/>
        <family val="2"/>
        <scheme val="minor"/>
      </rPr>
      <t xml:space="preserve">TOMATO, SAUCE, Marinara, Dipping Cups, </t>
    </r>
    <r>
      <rPr>
        <sz val="12"/>
        <color rgb="FFFF0000"/>
        <rFont val="Calibri"/>
        <family val="2"/>
        <scheme val="minor"/>
      </rPr>
      <t xml:space="preserve">84 ct./ 2.5 oz dipping cups. Individual portion cups. Enhanced Low Sodium; Max 200 mg. of sodium; Made with sugar (No HFCS);  One (1) portion cup provides a full  1/2 cup Red/Orange Veg. Contribution, substantiated with Product Formulation Statement. Minimum 9 months shelf life from production. </t>
    </r>
  </si>
  <si>
    <r>
      <rPr>
        <sz val="12"/>
        <rFont val="Calibri"/>
        <family val="2"/>
        <scheme val="minor"/>
      </rPr>
      <t>TOMATO, SAUCE, Marinara, Dipping Cups,</t>
    </r>
    <r>
      <rPr>
        <sz val="12"/>
        <color rgb="FFFF0000"/>
        <rFont val="Calibri"/>
        <family val="2"/>
        <scheme val="minor"/>
      </rPr>
      <t xml:space="preserve"> 168 ct./ 2.5 oz dipping cups. Individual portion cups. Enhanced low sodium; Max 200 mg. of sodium; Made with sugar(No HFCS):  One (1) portion cup provides a full provides 1/2 cup Red/Orange Veg.Credit, substantiated with Product Formulation Statement. Minimum 9 months shelf life from production. </t>
    </r>
  </si>
  <si>
    <r>
      <t xml:space="preserve">TOMATO, SAUCE, Pizza, Fully Prepared, 6/#10 cans, </t>
    </r>
    <r>
      <rPr>
        <sz val="12"/>
        <color rgb="FFFF0000"/>
        <rFont val="Calibri"/>
        <family val="2"/>
        <scheme val="minor"/>
      </rPr>
      <t>nutritionally enhanced, low sodium, no HFCS, BPA Free Liner</t>
    </r>
    <r>
      <rPr>
        <sz val="12"/>
        <color rgb="FF333333"/>
        <rFont val="Calibri"/>
        <family val="2"/>
        <scheme val="minor"/>
      </rPr>
      <t xml:space="preserve">; </t>
    </r>
    <r>
      <rPr>
        <sz val="12"/>
        <color rgb="FFFF0000"/>
        <rFont val="Calibri"/>
        <family val="2"/>
        <scheme val="minor"/>
      </rPr>
      <t>One 1.2 oz. serving provides 1/4 c V-RO</t>
    </r>
    <r>
      <rPr>
        <sz val="12"/>
        <color rgb="FF333333"/>
        <rFont val="Calibri"/>
        <family val="2"/>
        <scheme val="minor"/>
      </rPr>
      <t xml:space="preserve">; </t>
    </r>
    <r>
      <rPr>
        <sz val="12"/>
        <color rgb="FFFF0000"/>
        <rFont val="Calibri"/>
        <family val="2"/>
        <scheme val="minor"/>
      </rPr>
      <t>max 30 mg. of sodium; Company Product Formulation Statement required</t>
    </r>
  </si>
  <si>
    <r>
      <t xml:space="preserve">TOMATO, SAUCE, Marinara, 6/#10 cans. </t>
    </r>
    <r>
      <rPr>
        <sz val="12"/>
        <color rgb="FFFF0000"/>
        <rFont val="Calibri"/>
        <family val="2"/>
        <scheme val="minor"/>
      </rPr>
      <t>One 1.4 oz. serving provides 1/4 c V-RO. max 160 mg. of sodium / 1.4 oz. serving; max. 1.4 oz. serving must credit as 1/4 cup Red/Orange Vegetable with Product Formulation Statement.</t>
    </r>
  </si>
  <si>
    <r>
      <t xml:space="preserve">TOMATO, SAUCE, Marinara, 6/105 oz plastic pouches. </t>
    </r>
    <r>
      <rPr>
        <sz val="12"/>
        <color rgb="FFFF0000"/>
        <rFont val="Calibri"/>
        <family val="2"/>
        <scheme val="minor"/>
      </rPr>
      <t>One 1.4 oz. serving provides 1/4 c V-RO. max 250 mg. of sodium / 1.4 oz. serving; max. 1.4 oz. serving must credit as 1/4 cup Red/Orange Vegetable with Product Formulation Statement.</t>
    </r>
  </si>
  <si>
    <r>
      <t xml:space="preserve">TOMATO, SAUCE, Pizza with basil, 6/#10 cans; BPA Free Liner; </t>
    </r>
    <r>
      <rPr>
        <sz val="12"/>
        <color rgb="FFFF0000"/>
        <rFont val="Calibri"/>
        <family val="2"/>
        <scheme val="minor"/>
      </rPr>
      <t xml:space="preserve">1.1 oz. serving must credit as 1/4 cup Red/Orange Vegetable with Product Formulation Statement. </t>
    </r>
    <r>
      <rPr>
        <sz val="12"/>
        <color rgb="FF333333"/>
        <rFont val="Calibri"/>
        <family val="2"/>
        <scheme val="minor"/>
      </rPr>
      <t xml:space="preserve"> </t>
    </r>
    <r>
      <rPr>
        <sz val="12"/>
        <color rgb="FFFF0000"/>
        <rFont val="Calibri"/>
        <family val="2"/>
        <scheme val="minor"/>
      </rPr>
      <t xml:space="preserve">Max 50 mg. of sodium / 1.1 oz. serving; </t>
    </r>
  </si>
  <si>
    <r>
      <t xml:space="preserve">TOMATO, SAUCE, Sloppy Joe, 6/#10 cans; BPA Free Liner; </t>
    </r>
    <r>
      <rPr>
        <sz val="12"/>
        <color rgb="FFFF0000"/>
        <rFont val="Calibri"/>
        <family val="2"/>
        <scheme val="minor"/>
      </rPr>
      <t>One serving of 1.3 oz. provides 1/4 cup Red/Orange Vegetable credit - must be validated with Product Formulation Statement.</t>
    </r>
  </si>
  <si>
    <r>
      <t xml:space="preserve">TOMATO, PASTE, 6/#10 cans. </t>
    </r>
    <r>
      <rPr>
        <sz val="12"/>
        <color rgb="FFFF0000"/>
        <rFont val="Calibri"/>
        <family val="2"/>
        <scheme val="minor"/>
      </rPr>
      <t xml:space="preserve">max 10 mg. of sodium / .5 oz. serving; min. .5 oz. serving must credit as 1/4 cup Red/Orange Vegetable. Red/Orange Vegetable crediting must be validated with Product Formulation Statement. </t>
    </r>
    <r>
      <rPr>
        <sz val="12"/>
        <rFont val="Calibri"/>
        <family val="2"/>
        <scheme val="minor"/>
      </rPr>
      <t>One .5 oz. serving provides 1/4 c V-RO.</t>
    </r>
  </si>
  <si>
    <r>
      <t>TOMATO, PUREE, 6/#10 cans.</t>
    </r>
    <r>
      <rPr>
        <sz val="12"/>
        <color rgb="FFFF0000"/>
        <rFont val="Calibri"/>
        <family val="2"/>
        <scheme val="minor"/>
      </rPr>
      <t xml:space="preserve"> max 15 mg. of sodium / 1.11 oz. serving; min. 1.11 oz. serving must credit as 1/4 cup Red/Orange Vegetable. Red/Orange Vegetable crediting must be validated with Product Formulation Statement. </t>
    </r>
    <r>
      <rPr>
        <sz val="12"/>
        <color rgb="FF333333"/>
        <rFont val="Calibri"/>
        <family val="2"/>
        <scheme val="minor"/>
      </rPr>
      <t>One serving (1.11 oz.)  provides 1/4 c V-RO.</t>
    </r>
  </si>
  <si>
    <r>
      <rPr>
        <sz val="12"/>
        <rFont val="Calibri"/>
        <family val="2"/>
        <scheme val="minor"/>
      </rPr>
      <t>TOMATO, Concentrated Crushed, 6/#10 cans.</t>
    </r>
    <r>
      <rPr>
        <sz val="12"/>
        <color rgb="FFFF0000"/>
        <rFont val="Calibri"/>
        <family val="2"/>
        <scheme val="minor"/>
      </rPr>
      <t xml:space="preserve"> max 50 mg. of sodium / 1.1 oz. serving; max. 1.1 oz. serving must credit as 1/4 cup Red/Orange Vegetable. Red/Orange Vegetable crediting must be validated with Product Formulation Statement. One serving (1.1 oz) provides 1/4 c V-RO.</t>
    </r>
  </si>
  <si>
    <r>
      <rPr>
        <sz val="12"/>
        <rFont val="Calibri"/>
        <family val="2"/>
        <scheme val="minor"/>
      </rPr>
      <t xml:space="preserve">TOMATO, KETCHUP, </t>
    </r>
    <r>
      <rPr>
        <sz val="12"/>
        <color rgb="FFFF0000"/>
        <rFont val="Calibri"/>
        <family val="2"/>
        <scheme val="minor"/>
      </rPr>
      <t>Made with Sugar (no HFCS), Enhanced Low Sodium,</t>
    </r>
    <r>
      <rPr>
        <sz val="12"/>
        <rFont val="Calibri"/>
        <family val="2"/>
        <scheme val="minor"/>
      </rPr>
      <t xml:space="preserve">  Bulk ; 6/112.5 oz. plastic jugs with resealable cap;</t>
    </r>
    <r>
      <rPr>
        <sz val="12"/>
        <color rgb="FFFF0000"/>
        <rFont val="Calibri"/>
        <family val="2"/>
        <scheme val="minor"/>
      </rPr>
      <t xml:space="preserve">  Tomato Puree first ingredient; Made with Sugar (No HFCS); Enhanced Low Sodium Formula -45 mg or less/ 1 tbsp. (17 g) serving size; Commodity Processing Eligible; each case includes one free plastic pump; 540 servings or 675 oz. /case;</t>
    </r>
  </si>
  <si>
    <t>REDYZ2R</t>
  </si>
  <si>
    <t>6-00-72940-00117-3</t>
  </si>
  <si>
    <t>Red Gold™, Red Pack™, Vine Ripe™, Better Nutrition Made Simple™, Nutritionally Enhanced™, &amp; Naturally Balanced™ are all registered trademarks of Red Gold.</t>
  </si>
  <si>
    <t>CREDITING Items - Better Nutrition Made Simple™ Nutritionally Enhanced™ and Traditional Versions</t>
  </si>
  <si>
    <t>CONDIMENTS - Better Nutrition Made Simple™ Naturally Balanced™ Enhanced Low Sodium &amp; Other Traditional Options</t>
  </si>
  <si>
    <t>REDVB4F</t>
  </si>
  <si>
    <t>1-00-72940-14320-5</t>
  </si>
  <si>
    <r>
      <rPr>
        <sz val="12"/>
        <rFont val="Calibri"/>
        <family val="2"/>
        <scheme val="minor"/>
      </rPr>
      <t xml:space="preserve">TOMATO, JUICE, Fresh, 100% Tomato, Low Sodium </t>
    </r>
    <r>
      <rPr>
        <sz val="12"/>
        <color rgb="FFFF0000"/>
        <rFont val="Calibri"/>
        <family val="2"/>
        <scheme val="minor"/>
      </rPr>
      <t>No Salt Added, 12/ 46 oz. cans; max 6 mg. of sodium / 2 oz. serving;  serving must credit as 1/4 cup Red/Orange Vegetable per Food Buying Guide. One serving  (2 oz.) provides 1/4 c V-RO.</t>
    </r>
  </si>
  <si>
    <t>Red Gold Tomato Juice No Salt Added (NSA) Fresh - 12/46 oz. cans (12 mg./4 oz.)</t>
  </si>
  <si>
    <t>RPKIL9R</t>
  </si>
  <si>
    <t>3-00-72940-74886-2</t>
  </si>
  <si>
    <r>
      <t>TOMATO, SAUCE, Pizza, Fully Prepared, 6/#10 cans; BPA Free Liner;</t>
    </r>
    <r>
      <rPr>
        <sz val="12"/>
        <color rgb="FFFF0000"/>
        <rFont val="Calibri"/>
        <family val="2"/>
        <scheme val="minor"/>
      </rPr>
      <t xml:space="preserve"> 1.2 oz. serving must credit as 1/4 cup Red/Orange Vegetable with Product Formulation Statement.  Max 142 mg. of sodium / 1.2 oz. serving;</t>
    </r>
  </si>
  <si>
    <r>
      <t xml:space="preserve">TOMATO, SAUCE, Spaghetti,  6/#10 cans, </t>
    </r>
    <r>
      <rPr>
        <sz val="12"/>
        <color rgb="FFFF0000"/>
        <rFont val="Calibri"/>
        <family val="2"/>
        <scheme val="minor"/>
      </rPr>
      <t xml:space="preserve">nutritionally enhanced low sodium, No HFCS, BPA Free Liner; 1.2 oz. serving must credit as 1/4 cup Red/Orange Vegetable with Product Formulation Statement. Max 40 mg. of sodium / 1.2 oz. serving; max. </t>
    </r>
  </si>
  <si>
    <r>
      <t>TOMATO, KETCHUP, Fancy, 33%, 2/1.5 gal. pouches -</t>
    </r>
    <r>
      <rPr>
        <sz val="12"/>
        <color rgb="FFFF0000"/>
        <rFont val="Calibri"/>
        <family val="2"/>
        <scheme val="minor"/>
      </rPr>
      <t xml:space="preserve"> for Server / ASEPT type Dispenser application</t>
    </r>
  </si>
  <si>
    <r>
      <rPr>
        <sz val="12"/>
        <rFont val="Calibri"/>
        <family val="2"/>
        <scheme val="minor"/>
      </rPr>
      <t>CONDIMENT, BBQ SAUCE, Bulk;</t>
    </r>
    <r>
      <rPr>
        <sz val="12"/>
        <color rgb="FFFF0000"/>
        <rFont val="Calibri"/>
        <family val="2"/>
        <scheme val="minor"/>
      </rPr>
      <t xml:space="preserve"> Plastic Jugs with resealable cap; 6/114 oz.; 540 servings or 675 oz. /case; Tomato Puree first ingredient; Made with Sugar (No HFCS); Enhanced Low Sodium Formula; Commodity Processing Eligible; Nutrients Per 2 TBSPS (36 g): 95 mg or less Sodium; each case includes one free plastic pump; </t>
    </r>
  </si>
  <si>
    <t>Red Gold Ketchup / Fancy 33% - 1/3 gallon Bag-in-Box for Wall Rack</t>
  </si>
  <si>
    <t>Red Gold Naturally Balanced Ketchup - 6/#10 Plastic Jugs with Free Pump in each case (112.5.oz. each; 675 oz. /case)</t>
  </si>
  <si>
    <t>Red Gold Naturally Balanced BBQ Sauce (Enhanced Low Sodium / Sweetened with Sugar / No HFCS) Portion Control - 1.0 oz. Dunk Cup</t>
  </si>
  <si>
    <t>Red Gold Naturally Balanced Ketchup (Enhanced Low Sodium / Sweetened with Sugar / No HFCS) - 1.0 oz. Dunk Cups  (Equal to 3 - 9 gram pkts.)</t>
  </si>
  <si>
    <t>Red Gold Naturally Balanced Ketchup (Enhanced Low Sodium / Sweetened with Sugar / No HFCS)- 9 gram Foil Packets (green)</t>
  </si>
  <si>
    <t xml:space="preserve">Red Gold Naturally Balanced Ketchup (Enhanced Low Sodium / Sweetened with Sugar / No HFCS) - #10 cans </t>
  </si>
  <si>
    <t>Red Gold Naturally Balanced Ketchup (Enhanced Low Sodium / Sweetened with Sugar / No HFCS) - 1.5 gal Dispenser Pouch Bulk</t>
  </si>
  <si>
    <r>
      <rPr>
        <sz val="12"/>
        <rFont val="Calibri"/>
        <family val="2"/>
        <scheme val="minor"/>
      </rPr>
      <t>TOMATO, KETCHUP,</t>
    </r>
    <r>
      <rPr>
        <sz val="12"/>
        <color rgb="FFFF0000"/>
        <rFont val="Calibri"/>
        <family val="2"/>
        <scheme val="minor"/>
      </rPr>
      <t xml:space="preserve">  Made with Sugar (no HFCS), Enhanced</t>
    </r>
    <r>
      <rPr>
        <sz val="12"/>
        <rFont val="Calibri"/>
        <family val="2"/>
        <scheme val="minor"/>
      </rPr>
      <t xml:space="preserve"> Low Sodium</t>
    </r>
    <r>
      <rPr>
        <sz val="12"/>
        <color rgb="FFFF0000"/>
        <rFont val="Calibri"/>
        <family val="2"/>
        <scheme val="minor"/>
      </rPr>
      <t>, -</t>
    </r>
    <r>
      <rPr>
        <sz val="12"/>
        <rFont val="Calibri"/>
        <family val="2"/>
        <scheme val="minor"/>
      </rPr>
      <t xml:space="preserve">  2/1.5 gal. pouches</t>
    </r>
    <r>
      <rPr>
        <sz val="12"/>
        <color rgb="FFFF0000"/>
        <rFont val="Calibri"/>
        <family val="2"/>
        <scheme val="minor"/>
      </rPr>
      <t>; for ASEPT / Server type Dispenser application; max. 50 mg of sodium/1 tablespoon</t>
    </r>
  </si>
  <si>
    <t>*Enhanced Low Sodium - denotes removal of sodium while maintaining great taste by insuring a proprietary reformulation with natural herb and seasoning enhancements and potassium chloride for balance.</t>
  </si>
  <si>
    <t>Low Sodium - denotes removal of sodium with no additional enhancements; flavor difference is noticeable</t>
  </si>
  <si>
    <t>FOODSERVICE SALES ANALYST</t>
  </si>
  <si>
    <t>8-00-72940-74954-3</t>
  </si>
  <si>
    <t>REDYA1Z</t>
  </si>
  <si>
    <t>Red Gold Ketchup/Fancy 33%- Folds of Honor 250/1 oz dunk cups</t>
  </si>
  <si>
    <r>
      <t xml:space="preserve">TOMATO, KETCHUP, Fancy, 33%, 250 ct. / 1 ounce </t>
    </r>
    <r>
      <rPr>
        <sz val="12"/>
        <color rgb="FFFF0000"/>
        <rFont val="Calibri"/>
        <family val="2"/>
        <scheme val="minor"/>
      </rPr>
      <t>dunk cups</t>
    </r>
    <r>
      <rPr>
        <sz val="12"/>
        <rFont val="Calibri"/>
        <family val="2"/>
        <scheme val="minor"/>
      </rPr>
      <t xml:space="preserve">, </t>
    </r>
    <r>
      <rPr>
        <sz val="12"/>
        <color rgb="FFFF0000"/>
        <rFont val="Calibri"/>
        <family val="2"/>
        <scheme val="minor"/>
      </rPr>
      <t>Fold of Honor label</t>
    </r>
    <r>
      <rPr>
        <sz val="12"/>
        <rFont val="Calibri"/>
        <family val="2"/>
        <scheme val="minor"/>
      </rPr>
      <t>.</t>
    </r>
  </si>
  <si>
    <t>RED2A9PC04</t>
  </si>
  <si>
    <t>Red Gold Mustard - 4/#10 Plastic Jugs with Free Pump in each case (105 oz. each; 420 oz. /case)</t>
  </si>
  <si>
    <r>
      <rPr>
        <sz val="12"/>
        <rFont val="Calibri"/>
        <family val="2"/>
        <scheme val="minor"/>
      </rPr>
      <t>CONDIMENT, MUSTARD, Bulk;</t>
    </r>
    <r>
      <rPr>
        <sz val="12"/>
        <color rgb="FFFF0000"/>
        <rFont val="Calibri"/>
        <family val="2"/>
        <scheme val="minor"/>
      </rPr>
      <t xml:space="preserve"> Plastic Jugs with resealable cap; 4/105 oz.;  420 oz. /case; Nutrients Per 1 tsp (5 g): 60 mg or less Sodium; each case includes one free plastic pump; </t>
    </r>
  </si>
  <si>
    <t>5-00-72940-74748-7</t>
  </si>
  <si>
    <t xml:space="preserve">Jodi Batten, SNS                                Phone: 512-910-3265 </t>
  </si>
  <si>
    <t xml:space="preserve">www.redgoldfoodservice.com </t>
  </si>
  <si>
    <r>
      <t xml:space="preserve">TOMATO, KETCHUP, Flavored, Sriracha Hot Chili Sauce - Upside Down Bottles,  6/20 oz. - </t>
    </r>
    <r>
      <rPr>
        <sz val="12"/>
        <color rgb="FFFF0000"/>
        <rFont val="Calibri"/>
        <family val="2"/>
        <scheme val="minor"/>
      </rPr>
      <t>made with sugar (no HFCS)</t>
    </r>
  </si>
  <si>
    <t>3-00-72940-11207-6</t>
  </si>
  <si>
    <t>HUYYW2RC06</t>
  </si>
  <si>
    <t>Huy Fong Sriracha Hot Chili Sauce Ketchup (Original Rooster Brand) - 6/20 oz. Bottles (Red)</t>
  </si>
  <si>
    <t>Generic Product Specification Descriptions for Tomato &amp; Condiment Items with Corresponding Red Gold LLC Item Numbers and Descriptions (3/11/24)DM</t>
  </si>
  <si>
    <t>5-00-72940-00118-3</t>
  </si>
  <si>
    <r>
      <t xml:space="preserve">Red Gold BBQ Sauce Naturally Balanced 4/153 oz Plastic Bottle (153 oz. each; 612 oz. /case) - </t>
    </r>
    <r>
      <rPr>
        <sz val="12"/>
        <color rgb="FFFF0000"/>
        <rFont val="Calibri"/>
        <family val="2"/>
        <scheme val="minor"/>
      </rPr>
      <t xml:space="preserve">NEW PACK SIZE FOR SY24/25 </t>
    </r>
  </si>
  <si>
    <t>REDOA5P</t>
  </si>
  <si>
    <r>
      <t xml:space="preserve">Red Gold Naturally Balanced Barbeque Sauce -- 6/#10 Plastic Jugs with Free Pump in each case (112.5.oz. each; 675 oz. /case) - </t>
    </r>
    <r>
      <rPr>
        <sz val="12"/>
        <color rgb="FFFF0000"/>
        <rFont val="Calibri"/>
        <family val="2"/>
        <scheme val="minor"/>
      </rPr>
      <t>DISCONTINUING -</t>
    </r>
    <r>
      <rPr>
        <sz val="12"/>
        <rFont val="Calibri"/>
        <family val="2"/>
        <scheme val="minor"/>
      </rPr>
      <t xml:space="preserve"> </t>
    </r>
    <r>
      <rPr>
        <sz val="12"/>
        <color rgb="FFFF0000"/>
        <rFont val="Calibri"/>
        <family val="2"/>
        <scheme val="minor"/>
      </rPr>
      <t>NEW PACK SIZE FOR SY24/25 - ITEM# REDOA5P</t>
    </r>
  </si>
  <si>
    <r>
      <t xml:space="preserve">Huy Fong Sriracha Hot Chili Sauce Ketchup (Original Rooster Brand) - 8 gm Foil Packets (Red) - </t>
    </r>
    <r>
      <rPr>
        <sz val="12"/>
        <color rgb="FFFF0000"/>
        <rFont val="Calibri"/>
        <family val="2"/>
        <scheme val="minor"/>
      </rPr>
      <t>DISCONTINUED</t>
    </r>
  </si>
  <si>
    <t>3-00-72940-11142-0</t>
  </si>
  <si>
    <t>REDMDX9</t>
  </si>
  <si>
    <r>
      <t xml:space="preserve">TOMATO, SAUCE, PLANT BASED, Pasta Sauce, 6/#10 cans, </t>
    </r>
    <r>
      <rPr>
        <sz val="12"/>
        <color rgb="FFFF0000"/>
        <rFont val="Calibri"/>
        <family val="2"/>
        <scheme val="minor"/>
      </rPr>
      <t>BPA Free Liner;  8.8 oz serving must credit as 1 1/4 cup Red/Orange Vegetable with Product Formulation Statement</t>
    </r>
    <r>
      <rPr>
        <sz val="12"/>
        <color rgb="FF333333"/>
        <rFont val="Calibri"/>
        <family val="2"/>
        <scheme val="minor"/>
      </rPr>
      <t>. One Serving with Alternate Pea Protein provides 2 MA/APP Credits.  Max 420 mg Sodium per serving.</t>
    </r>
  </si>
  <si>
    <r>
      <rPr>
        <sz val="12"/>
        <rFont val="Calibri"/>
        <family val="2"/>
        <scheme val="minor"/>
      </rPr>
      <t>CONDIMENT, BBQ SAUCE, Bulk;</t>
    </r>
    <r>
      <rPr>
        <sz val="12"/>
        <color rgb="FFFF0000"/>
        <rFont val="Calibri"/>
        <family val="2"/>
        <scheme val="minor"/>
      </rPr>
      <t xml:space="preserve"> Plastic Bottle with resealable cap; 4/153 oz.; 540-2 Tbsp servings or 612 oz. /case; Tomato Puree first ingredient; Made with Sugar (No HFCS); Enhanced Low Sodium Formula (65mg per oz); Commodity Processing Eligible; Nutrients Per 2 TBSP (36 g), No Caramel Color, Gluten Free</t>
    </r>
  </si>
  <si>
    <r>
      <rPr>
        <sz val="12"/>
        <rFont val="Calibri"/>
        <family val="2"/>
        <scheme val="minor"/>
      </rPr>
      <t xml:space="preserve">TOMATO, BBQ SAUCE, Dunk Cups, 250 ct./ 1.0 oz. </t>
    </r>
    <r>
      <rPr>
        <sz val="12"/>
        <color rgb="FFFF0000"/>
        <rFont val="Calibri"/>
        <family val="2"/>
        <scheme val="minor"/>
      </rPr>
      <t>-Tomato Puree first ingredient; Made with Sugar (No HFCS); Enhanced Low Sodium Formula (65 mg or less); Gluten Free; Commodity Processing Eligible; Sodium Nutrients Per 1 oz. Cup (27 g): No Caramel Color</t>
    </r>
  </si>
  <si>
    <r>
      <rPr>
        <sz val="12"/>
        <rFont val="Calibri"/>
        <family val="2"/>
        <scheme val="minor"/>
      </rPr>
      <t xml:space="preserve">TOMATO, BBQ SAUCE, Bulk /Dispenser Pouch; </t>
    </r>
    <r>
      <rPr>
        <sz val="12"/>
        <color rgb="FFFF0000"/>
        <rFont val="Calibri"/>
        <family val="2"/>
        <scheme val="minor"/>
      </rPr>
      <t>2/1.5 gallon; Tomato Puree first ingredient; Made with Sugar (No HFCS); Enhanced Low Sodium Formula (65mg per oz); Commodity Processing Eligible; Nutrients Per 2 TBSPS (36 g):  made with sugar (no HFCS);2 tbsp. serving size (36 gram); No Caramel Color; for ASEPT / Server Type Dispenser Application</t>
    </r>
  </si>
  <si>
    <t>Red Gold Plant Based Protein Pasta Sauce - Bolognese Style - 6/#10 cans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40">
    <font>
      <sz val="11"/>
      <color theme="1"/>
      <name val="Calibri"/>
      <family val="2"/>
      <scheme val="minor"/>
    </font>
    <font>
      <sz val="11"/>
      <color rgb="FFFF0000"/>
      <name val="Calibri"/>
      <family val="2"/>
      <scheme val="minor"/>
    </font>
    <font>
      <sz val="11"/>
      <color rgb="FF333333"/>
      <name val="Calibri"/>
      <family val="2"/>
      <scheme val="minor"/>
    </font>
    <font>
      <sz val="9"/>
      <color indexed="81"/>
      <name val="Tahoma"/>
      <family val="2"/>
    </font>
    <font>
      <b/>
      <sz val="9"/>
      <color indexed="81"/>
      <name val="Tahoma"/>
      <family val="2"/>
    </font>
    <font>
      <sz val="12"/>
      <color rgb="FF333333"/>
      <name val="Calibri"/>
      <family val="2"/>
      <scheme val="minor"/>
    </font>
    <font>
      <sz val="12"/>
      <color theme="1"/>
      <name val="Calibri"/>
      <family val="2"/>
      <scheme val="minor"/>
    </font>
    <font>
      <sz val="12"/>
      <color rgb="FFFF0000"/>
      <name val="Calibri"/>
      <family val="2"/>
      <scheme val="minor"/>
    </font>
    <font>
      <sz val="12"/>
      <name val="Calibri"/>
      <family val="2"/>
      <scheme val="minor"/>
    </font>
    <font>
      <b/>
      <sz val="12"/>
      <color rgb="FF333333"/>
      <name val="Calibri"/>
      <family val="2"/>
      <scheme val="minor"/>
    </font>
    <font>
      <b/>
      <sz val="14"/>
      <color theme="1"/>
      <name val="Calibri"/>
      <family val="2"/>
      <scheme val="minor"/>
    </font>
    <font>
      <b/>
      <sz val="18"/>
      <color theme="1"/>
      <name val="Calibri"/>
      <family val="2"/>
      <scheme val="minor"/>
    </font>
    <font>
      <sz val="18"/>
      <color theme="1"/>
      <name val="Calibri"/>
      <family val="2"/>
      <scheme val="minor"/>
    </font>
    <font>
      <b/>
      <sz val="11"/>
      <name val="Calibri"/>
      <family val="2"/>
      <scheme val="minor"/>
    </font>
    <font>
      <b/>
      <sz val="12"/>
      <color theme="1"/>
      <name val="Calibri"/>
      <family val="2"/>
      <scheme val="minor"/>
    </font>
    <font>
      <sz val="14"/>
      <color theme="1"/>
      <name val="Calibri"/>
      <family val="2"/>
      <scheme val="minor"/>
    </font>
    <font>
      <b/>
      <sz val="12"/>
      <name val="Arial"/>
      <family val="2"/>
    </font>
    <font>
      <b/>
      <sz val="12"/>
      <color indexed="8"/>
      <name val="Calibri"/>
      <family val="2"/>
    </font>
    <font>
      <u/>
      <sz val="11"/>
      <color indexed="12"/>
      <name val="Calibri"/>
      <family val="2"/>
    </font>
    <font>
      <sz val="12"/>
      <name val="Arial"/>
      <family val="2"/>
    </font>
    <font>
      <b/>
      <sz val="12"/>
      <name val="Calibri"/>
      <family val="2"/>
      <scheme val="minor"/>
    </font>
    <font>
      <sz val="12"/>
      <color indexed="8"/>
      <name val="Calibri"/>
      <family val="2"/>
    </font>
    <font>
      <u/>
      <sz val="12"/>
      <color indexed="12"/>
      <name val="Calibri"/>
      <family val="2"/>
    </font>
    <font>
      <b/>
      <u/>
      <sz val="12"/>
      <color indexed="12"/>
      <name val="Calibri"/>
      <family val="2"/>
    </font>
    <font>
      <b/>
      <sz val="12"/>
      <name val="Calibri"/>
      <family val="2"/>
    </font>
    <font>
      <b/>
      <u/>
      <sz val="12"/>
      <color rgb="FFFF0000"/>
      <name val="Calibri"/>
      <family val="2"/>
      <scheme val="minor"/>
    </font>
    <font>
      <sz val="10"/>
      <name val="Arial"/>
      <family val="2"/>
    </font>
    <font>
      <b/>
      <i/>
      <u/>
      <sz val="12"/>
      <color rgb="FF333333"/>
      <name val="Calibri"/>
      <family val="2"/>
      <scheme val="minor"/>
    </font>
    <font>
      <sz val="10"/>
      <color theme="1"/>
      <name val="Calibri"/>
      <family val="2"/>
      <scheme val="minor"/>
    </font>
    <font>
      <b/>
      <sz val="11"/>
      <color rgb="FFFF0000"/>
      <name val="Calibri"/>
      <family val="2"/>
      <scheme val="minor"/>
    </font>
    <font>
      <b/>
      <u/>
      <sz val="14"/>
      <name val="Calibri"/>
      <family val="2"/>
    </font>
    <font>
      <b/>
      <sz val="14"/>
      <color rgb="FFFF0000"/>
      <name val="Calibri"/>
      <family val="2"/>
      <scheme val="minor"/>
    </font>
    <font>
      <sz val="11"/>
      <name val="Arial Narrow"/>
      <family val="2"/>
    </font>
    <font>
      <b/>
      <sz val="12"/>
      <color rgb="FFFF0000"/>
      <name val="Calibri"/>
      <family val="2"/>
      <scheme val="minor"/>
    </font>
    <font>
      <b/>
      <u/>
      <sz val="16"/>
      <name val="Calibri"/>
      <family val="2"/>
    </font>
    <font>
      <b/>
      <sz val="11"/>
      <color rgb="FF333333"/>
      <name val="Calibri"/>
      <family val="2"/>
      <scheme val="minor"/>
    </font>
    <font>
      <sz val="12"/>
      <color rgb="FF000000"/>
      <name val="Calibri"/>
      <family val="2"/>
      <scheme val="minor"/>
    </font>
    <font>
      <sz val="10"/>
      <name val="Calibri"/>
      <family val="2"/>
    </font>
    <font>
      <b/>
      <sz val="10"/>
      <color theme="1"/>
      <name val="Calibri"/>
      <family val="2"/>
      <scheme val="minor"/>
    </font>
    <font>
      <u/>
      <sz val="14"/>
      <color indexed="12"/>
      <name val="Calibri"/>
      <family val="2"/>
    </font>
  </fonts>
  <fills count="9">
    <fill>
      <patternFill patternType="none"/>
    </fill>
    <fill>
      <patternFill patternType="gray125"/>
    </fill>
    <fill>
      <patternFill patternType="solid">
        <fgColor rgb="FFFFFFFF"/>
        <bgColor indexed="64"/>
      </patternFill>
    </fill>
    <fill>
      <patternFill patternType="solid">
        <fgColor rgb="FFFFFF00"/>
        <bgColor indexed="64"/>
      </patternFill>
    </fill>
    <fill>
      <patternFill patternType="solid">
        <fgColor theme="0" tint="-0.14999847407452621"/>
        <bgColor indexed="64"/>
      </patternFill>
    </fill>
    <fill>
      <patternFill patternType="solid">
        <fgColor theme="9" tint="0.59999389629810485"/>
        <bgColor indexed="64"/>
      </patternFill>
    </fill>
    <fill>
      <patternFill patternType="solid">
        <fgColor theme="0"/>
        <bgColor indexed="64"/>
      </patternFill>
    </fill>
    <fill>
      <patternFill patternType="solid">
        <fgColor theme="0" tint="-4.9989318521683403E-2"/>
        <bgColor indexed="64"/>
      </patternFill>
    </fill>
    <fill>
      <patternFill patternType="solid">
        <fgColor rgb="FFFFFFCC"/>
        <bgColor indexed="64"/>
      </patternFill>
    </fill>
  </fills>
  <borders count="45">
    <border>
      <left/>
      <right/>
      <top/>
      <bottom/>
      <diagonal/>
    </border>
    <border>
      <left style="thin">
        <color rgb="FF000000"/>
      </left>
      <right style="thin">
        <color rgb="FF000000"/>
      </right>
      <top style="thin">
        <color rgb="FF000000"/>
      </top>
      <bottom style="thin">
        <color rgb="FF000000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rgb="FF000000"/>
      </left>
      <right style="thin">
        <color rgb="FF000000"/>
      </right>
      <top/>
      <bottom style="thin">
        <color rgb="FF000000"/>
      </bottom>
      <diagonal/>
    </border>
    <border>
      <left/>
      <right/>
      <top/>
      <bottom style="thin">
        <color indexed="64"/>
      </bottom>
      <diagonal/>
    </border>
    <border>
      <left style="medium">
        <color indexed="64"/>
      </left>
      <right/>
      <top/>
      <bottom/>
      <diagonal/>
    </border>
    <border>
      <left style="medium">
        <color indexed="64"/>
      </left>
      <right/>
      <top/>
      <bottom style="thin">
        <color indexed="64"/>
      </bottom>
      <diagonal/>
    </border>
    <border>
      <left style="medium">
        <color indexed="64"/>
      </left>
      <right/>
      <top/>
      <bottom style="medium">
        <color indexed="64"/>
      </bottom>
      <diagonal/>
    </border>
    <border>
      <left/>
      <right/>
      <top/>
      <bottom style="medium">
        <color indexed="64"/>
      </bottom>
      <diagonal/>
    </border>
    <border>
      <left style="medium">
        <color indexed="64"/>
      </left>
      <right/>
      <top style="thin">
        <color indexed="64"/>
      </top>
      <bottom style="thin">
        <color indexed="64"/>
      </bottom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/>
      <top style="medium">
        <color indexed="64"/>
      </top>
      <bottom/>
      <diagonal/>
    </border>
    <border>
      <left/>
      <right style="medium">
        <color indexed="64"/>
      </right>
      <top style="medium">
        <color indexed="64"/>
      </top>
      <bottom/>
      <diagonal/>
    </border>
    <border>
      <left/>
      <right style="medium">
        <color indexed="64"/>
      </right>
      <top/>
      <bottom/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/>
      <right style="medium">
        <color indexed="64"/>
      </right>
      <top/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rgb="FF000000"/>
      </right>
      <top/>
      <bottom style="thin">
        <color rgb="FF000000"/>
      </bottom>
      <diagonal/>
    </border>
    <border>
      <left style="thin">
        <color indexed="64"/>
      </left>
      <right style="medium">
        <color indexed="64"/>
      </right>
      <top/>
      <bottom style="thin">
        <color indexed="64"/>
      </bottom>
      <diagonal/>
    </border>
    <border>
      <left style="medium">
        <color indexed="64"/>
      </left>
      <right style="thin">
        <color rgb="FF000000"/>
      </right>
      <top style="thin">
        <color rgb="FF000000"/>
      </top>
      <bottom style="thin">
        <color rgb="FF000000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/>
      <diagonal/>
    </border>
    <border>
      <left style="medium">
        <color indexed="64"/>
      </left>
      <right/>
      <top style="thin">
        <color rgb="FF000000"/>
      </top>
      <bottom style="thin">
        <color rgb="FF000000"/>
      </bottom>
      <diagonal/>
    </border>
    <border>
      <left/>
      <right/>
      <top style="thin">
        <color rgb="FF000000"/>
      </top>
      <bottom style="thin">
        <color rgb="FF000000"/>
      </bottom>
      <diagonal/>
    </border>
    <border>
      <left style="medium">
        <color indexed="64"/>
      </left>
      <right style="medium">
        <color indexed="64"/>
      </right>
      <top/>
      <bottom/>
      <diagonal/>
    </border>
    <border>
      <left style="medium">
        <color indexed="64"/>
      </left>
      <right style="medium">
        <color indexed="64"/>
      </right>
      <top/>
      <bottom style="medium">
        <color indexed="64"/>
      </bottom>
      <diagonal/>
    </border>
    <border>
      <left/>
      <right style="medium">
        <color indexed="64"/>
      </right>
      <top style="thin">
        <color rgb="FF000000"/>
      </top>
      <bottom style="thin">
        <color rgb="FF000000"/>
      </bottom>
      <diagonal/>
    </border>
    <border>
      <left style="medium">
        <color indexed="64"/>
      </left>
      <right style="thin">
        <color rgb="FF000000"/>
      </right>
      <top style="thin">
        <color rgb="FF000000"/>
      </top>
      <bottom/>
      <diagonal/>
    </border>
    <border>
      <left style="thin">
        <color rgb="FF000000"/>
      </left>
      <right style="thin">
        <color rgb="FF000000"/>
      </right>
      <top style="thin">
        <color rgb="FF000000"/>
      </top>
      <bottom/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medium">
        <color indexed="64"/>
      </left>
      <right style="medium">
        <color indexed="64"/>
      </right>
      <top style="medium">
        <color indexed="64"/>
      </top>
      <bottom/>
      <diagonal/>
    </border>
    <border>
      <left/>
      <right/>
      <top/>
      <bottom style="thin">
        <color rgb="FF000000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rgb="FF000000"/>
      </left>
      <right/>
      <top/>
      <bottom style="thin">
        <color rgb="FF000000"/>
      </bottom>
      <diagonal/>
    </border>
    <border>
      <left style="thin">
        <color rgb="FF000000"/>
      </left>
      <right/>
      <top style="thin">
        <color rgb="FF000000"/>
      </top>
      <bottom style="thin">
        <color rgb="FF000000"/>
      </bottom>
      <diagonal/>
    </border>
    <border>
      <left style="thin">
        <color rgb="FF000000"/>
      </left>
      <right/>
      <top style="thin">
        <color rgb="FF000000"/>
      </top>
      <bottom/>
      <diagonal/>
    </border>
    <border>
      <left/>
      <right style="thin">
        <color indexed="64"/>
      </right>
      <top/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rgb="FF000000"/>
      </left>
      <right style="thin">
        <color indexed="64"/>
      </right>
      <top style="thin">
        <color rgb="FF000000"/>
      </top>
      <bottom style="thin">
        <color indexed="64"/>
      </bottom>
      <diagonal/>
    </border>
  </borders>
  <cellStyleXfs count="4">
    <xf numFmtId="0" fontId="0" fillId="0" borderId="0"/>
    <xf numFmtId="0" fontId="18" fillId="0" borderId="0" applyNumberFormat="0" applyFill="0" applyBorder="0" applyAlignment="0" applyProtection="0">
      <alignment vertical="top"/>
      <protection locked="0"/>
    </xf>
    <xf numFmtId="0" fontId="26" fillId="0" borderId="0"/>
    <xf numFmtId="0" fontId="26" fillId="0" borderId="0"/>
  </cellStyleXfs>
  <cellXfs count="188">
    <xf numFmtId="0" fontId="0" fillId="0" borderId="0" xfId="0"/>
    <xf numFmtId="0" fontId="6" fillId="0" borderId="0" xfId="0" applyFont="1"/>
    <xf numFmtId="0" fontId="30" fillId="0" borderId="27" xfId="1" applyFont="1" applyBorder="1" applyAlignment="1" applyProtection="1">
      <alignment horizontal="center" vertical="center"/>
    </xf>
    <xf numFmtId="0" fontId="6" fillId="0" borderId="0" xfId="0" applyFont="1" applyProtection="1">
      <protection locked="0"/>
    </xf>
    <xf numFmtId="0" fontId="30" fillId="0" borderId="27" xfId="1" applyFont="1" applyBorder="1" applyAlignment="1" applyProtection="1">
      <alignment horizontal="center" wrapText="1"/>
    </xf>
    <xf numFmtId="0" fontId="11" fillId="4" borderId="12" xfId="0" applyFont="1" applyFill="1" applyBorder="1" applyProtection="1">
      <protection locked="0"/>
    </xf>
    <xf numFmtId="0" fontId="12" fillId="4" borderId="4" xfId="0" applyFont="1" applyFill="1" applyBorder="1" applyProtection="1">
      <protection locked="0"/>
    </xf>
    <xf numFmtId="0" fontId="12" fillId="4" borderId="2" xfId="0" applyFont="1" applyFill="1" applyBorder="1" applyProtection="1">
      <protection locked="0"/>
    </xf>
    <xf numFmtId="0" fontId="12" fillId="4" borderId="19" xfId="0" applyFont="1" applyFill="1" applyBorder="1" applyAlignment="1" applyProtection="1">
      <alignment wrapText="1"/>
      <protection locked="0"/>
    </xf>
    <xf numFmtId="0" fontId="10" fillId="0" borderId="8" xfId="0" applyFont="1" applyBorder="1" applyAlignment="1">
      <alignment horizontal="center"/>
    </xf>
    <xf numFmtId="0" fontId="10" fillId="0" borderId="0" xfId="0" applyFont="1" applyAlignment="1">
      <alignment horizontal="center"/>
    </xf>
    <xf numFmtId="0" fontId="10" fillId="0" borderId="0" xfId="0" applyFont="1"/>
    <xf numFmtId="0" fontId="10" fillId="0" borderId="16" xfId="0" applyFont="1" applyBorder="1" applyAlignment="1">
      <alignment horizontal="center" wrapText="1"/>
    </xf>
    <xf numFmtId="0" fontId="6" fillId="3" borderId="0" xfId="0" applyFont="1" applyFill="1"/>
    <xf numFmtId="0" fontId="6" fillId="0" borderId="0" xfId="0" applyFont="1" applyAlignment="1">
      <alignment horizontal="center" vertical="center" wrapText="1"/>
    </xf>
    <xf numFmtId="0" fontId="6" fillId="0" borderId="0" xfId="0" applyFont="1" applyAlignment="1" applyProtection="1">
      <alignment vertical="center"/>
      <protection locked="0"/>
    </xf>
    <xf numFmtId="0" fontId="12" fillId="0" borderId="0" xfId="0" applyFont="1" applyProtection="1">
      <protection locked="0"/>
    </xf>
    <xf numFmtId="0" fontId="2" fillId="3" borderId="22" xfId="0" applyFont="1" applyFill="1" applyBorder="1" applyAlignment="1" applyProtection="1">
      <alignment horizontal="left" wrapText="1"/>
      <protection locked="0"/>
    </xf>
    <xf numFmtId="0" fontId="7" fillId="3" borderId="1" xfId="0" applyFont="1" applyFill="1" applyBorder="1" applyAlignment="1" applyProtection="1">
      <alignment horizontal="left" wrapText="1"/>
      <protection locked="0"/>
    </xf>
    <xf numFmtId="49" fontId="8" fillId="3" borderId="3" xfId="0" applyNumberFormat="1" applyFont="1" applyFill="1" applyBorder="1" applyAlignment="1" applyProtection="1">
      <alignment horizontal="center" vertical="center"/>
      <protection locked="0"/>
    </xf>
    <xf numFmtId="0" fontId="8" fillId="3" borderId="23" xfId="0" applyFont="1" applyFill="1" applyBorder="1" applyAlignment="1" applyProtection="1">
      <alignment horizontal="left" vertical="center" wrapText="1"/>
      <protection locked="0"/>
    </xf>
    <xf numFmtId="49" fontId="6" fillId="3" borderId="3" xfId="0" applyNumberFormat="1" applyFont="1" applyFill="1" applyBorder="1" applyAlignment="1" applyProtection="1">
      <alignment horizontal="center" vertical="center"/>
      <protection locked="0"/>
    </xf>
    <xf numFmtId="0" fontId="7" fillId="0" borderId="0" xfId="0" applyFont="1" applyProtection="1">
      <protection locked="0"/>
    </xf>
    <xf numFmtId="0" fontId="6" fillId="3" borderId="2" xfId="0" applyFont="1" applyFill="1" applyBorder="1" applyAlignment="1" applyProtection="1">
      <alignment horizontal="center" vertical="center"/>
      <protection locked="0"/>
    </xf>
    <xf numFmtId="0" fontId="8" fillId="3" borderId="23" xfId="2" applyFont="1" applyFill="1" applyBorder="1" applyAlignment="1" applyProtection="1">
      <alignment horizontal="left" vertical="center" wrapText="1"/>
      <protection locked="0" hidden="1"/>
    </xf>
    <xf numFmtId="0" fontId="6" fillId="3" borderId="23" xfId="0" applyFont="1" applyFill="1" applyBorder="1" applyAlignment="1" applyProtection="1">
      <alignment horizontal="left" vertical="center" wrapText="1"/>
      <protection locked="0"/>
    </xf>
    <xf numFmtId="0" fontId="8" fillId="3" borderId="3" xfId="0" applyFont="1" applyFill="1" applyBorder="1" applyAlignment="1" applyProtection="1">
      <alignment horizontal="center" vertical="center"/>
      <protection locked="0"/>
    </xf>
    <xf numFmtId="49" fontId="8" fillId="3" borderId="23" xfId="0" applyNumberFormat="1" applyFont="1" applyFill="1" applyBorder="1" applyAlignment="1" applyProtection="1">
      <alignment horizontal="left" vertical="center" wrapText="1"/>
      <protection locked="0"/>
    </xf>
    <xf numFmtId="49" fontId="8" fillId="3" borderId="23" xfId="2" applyNumberFormat="1" applyFont="1" applyFill="1" applyBorder="1" applyAlignment="1" applyProtection="1">
      <alignment horizontal="left" vertical="center" wrapText="1"/>
      <protection locked="0" hidden="1"/>
    </xf>
    <xf numFmtId="0" fontId="2" fillId="2" borderId="22" xfId="0" applyFont="1" applyFill="1" applyBorder="1" applyAlignment="1" applyProtection="1">
      <alignment horizontal="left" wrapText="1"/>
      <protection locked="0"/>
    </xf>
    <xf numFmtId="0" fontId="7" fillId="0" borderId="1" xfId="0" applyFont="1" applyBorder="1" applyAlignment="1" applyProtection="1">
      <alignment horizontal="left" wrapText="1"/>
      <protection locked="0"/>
    </xf>
    <xf numFmtId="49" fontId="8" fillId="0" borderId="3" xfId="0" applyNumberFormat="1" applyFont="1" applyBorder="1" applyAlignment="1" applyProtection="1">
      <alignment horizontal="center" vertical="center"/>
      <protection locked="0"/>
    </xf>
    <xf numFmtId="49" fontId="8" fillId="0" borderId="23" xfId="0" applyNumberFormat="1" applyFont="1" applyBorder="1" applyAlignment="1" applyProtection="1">
      <alignment horizontal="left" vertical="center" wrapText="1"/>
      <protection locked="0"/>
    </xf>
    <xf numFmtId="0" fontId="2" fillId="0" borderId="22" xfId="0" applyFont="1" applyBorder="1" applyAlignment="1" applyProtection="1">
      <alignment horizontal="left" wrapText="1"/>
      <protection locked="0"/>
    </xf>
    <xf numFmtId="0" fontId="2" fillId="5" borderId="22" xfId="0" applyFont="1" applyFill="1" applyBorder="1" applyAlignment="1" applyProtection="1">
      <alignment horizontal="left" wrapText="1"/>
      <protection locked="0"/>
    </xf>
    <xf numFmtId="0" fontId="7" fillId="5" borderId="1" xfId="0" applyFont="1" applyFill="1" applyBorder="1" applyAlignment="1" applyProtection="1">
      <alignment horizontal="left" wrapText="1"/>
      <protection locked="0"/>
    </xf>
    <xf numFmtId="49" fontId="8" fillId="5" borderId="3" xfId="0" applyNumberFormat="1" applyFont="1" applyFill="1" applyBorder="1" applyAlignment="1" applyProtection="1">
      <alignment horizontal="center" vertical="center"/>
      <protection locked="0"/>
    </xf>
    <xf numFmtId="49" fontId="8" fillId="5" borderId="23" xfId="0" applyNumberFormat="1" applyFont="1" applyFill="1" applyBorder="1" applyAlignment="1" applyProtection="1">
      <alignment horizontal="left" vertical="center" wrapText="1"/>
      <protection locked="0"/>
    </xf>
    <xf numFmtId="0" fontId="6" fillId="5" borderId="2" xfId="0" applyFont="1" applyFill="1" applyBorder="1" applyAlignment="1" applyProtection="1">
      <alignment horizontal="center" vertical="center"/>
      <protection locked="0"/>
    </xf>
    <xf numFmtId="0" fontId="1" fillId="2" borderId="22" xfId="0" applyFont="1" applyFill="1" applyBorder="1" applyAlignment="1" applyProtection="1">
      <alignment horizontal="left" wrapText="1"/>
      <protection locked="0"/>
    </xf>
    <xf numFmtId="0" fontId="8" fillId="0" borderId="23" xfId="0" applyFont="1" applyBorder="1" applyAlignment="1" applyProtection="1">
      <alignment horizontal="left" vertical="center" wrapText="1"/>
      <protection locked="0"/>
    </xf>
    <xf numFmtId="0" fontId="8" fillId="3" borderId="2" xfId="0" applyFont="1" applyFill="1" applyBorder="1" applyAlignment="1" applyProtection="1">
      <alignment horizontal="center" vertical="center"/>
      <protection locked="0"/>
    </xf>
    <xf numFmtId="0" fontId="8" fillId="0" borderId="3" xfId="0" applyFont="1" applyBorder="1" applyAlignment="1" applyProtection="1">
      <alignment horizontal="center" vertical="center"/>
      <protection locked="0"/>
    </xf>
    <xf numFmtId="0" fontId="6" fillId="0" borderId="2" xfId="0" applyFont="1" applyBorder="1" applyAlignment="1" applyProtection="1">
      <alignment horizontal="center" vertical="center"/>
      <protection locked="0"/>
    </xf>
    <xf numFmtId="0" fontId="32" fillId="6" borderId="0" xfId="0" applyFont="1" applyFill="1" applyProtection="1">
      <protection locked="0"/>
    </xf>
    <xf numFmtId="0" fontId="8" fillId="0" borderId="2" xfId="0" applyFont="1" applyBorder="1" applyAlignment="1" applyProtection="1">
      <alignment horizontal="center" vertical="center"/>
      <protection locked="0"/>
    </xf>
    <xf numFmtId="0" fontId="2" fillId="2" borderId="30" xfId="0" applyFont="1" applyFill="1" applyBorder="1" applyAlignment="1" applyProtection="1">
      <alignment horizontal="left" wrapText="1"/>
      <protection locked="0"/>
    </xf>
    <xf numFmtId="0" fontId="7" fillId="0" borderId="31" xfId="0" applyFont="1" applyBorder="1" applyAlignment="1" applyProtection="1">
      <alignment horizontal="left" wrapText="1"/>
      <protection locked="0"/>
    </xf>
    <xf numFmtId="0" fontId="8" fillId="0" borderId="24" xfId="0" applyFont="1" applyBorder="1" applyAlignment="1" applyProtection="1">
      <alignment horizontal="center" vertical="center"/>
      <protection locked="0"/>
    </xf>
    <xf numFmtId="0" fontId="0" fillId="0" borderId="0" xfId="0" applyProtection="1">
      <protection locked="0"/>
    </xf>
    <xf numFmtId="0" fontId="6" fillId="0" borderId="0" xfId="0" applyFont="1" applyAlignment="1" applyProtection="1">
      <alignment wrapText="1"/>
      <protection locked="0"/>
    </xf>
    <xf numFmtId="0" fontId="1" fillId="5" borderId="22" xfId="0" applyFont="1" applyFill="1" applyBorder="1" applyAlignment="1" applyProtection="1">
      <alignment horizontal="left" wrapText="1"/>
      <protection locked="0"/>
    </xf>
    <xf numFmtId="0" fontId="8" fillId="5" borderId="23" xfId="0" applyFont="1" applyFill="1" applyBorder="1" applyAlignment="1" applyProtection="1">
      <alignment horizontal="left" vertical="center" wrapText="1"/>
      <protection locked="0"/>
    </xf>
    <xf numFmtId="0" fontId="14" fillId="0" borderId="16" xfId="0" applyFont="1" applyBorder="1" applyAlignment="1">
      <alignment horizontal="center" vertical="center" wrapText="1"/>
    </xf>
    <xf numFmtId="0" fontId="6" fillId="0" borderId="28" xfId="0" applyFont="1" applyBorder="1" applyAlignment="1" applyProtection="1">
      <alignment wrapText="1"/>
      <protection locked="0"/>
    </xf>
    <xf numFmtId="0" fontId="19" fillId="6" borderId="35" xfId="0" applyFont="1" applyFill="1" applyBorder="1" applyAlignment="1">
      <alignment wrapText="1"/>
    </xf>
    <xf numFmtId="0" fontId="19" fillId="6" borderId="27" xfId="0" applyFont="1" applyFill="1" applyBorder="1" applyAlignment="1">
      <alignment wrapText="1"/>
    </xf>
    <xf numFmtId="0" fontId="6" fillId="6" borderId="27" xfId="0" applyFont="1" applyFill="1" applyBorder="1" applyAlignment="1">
      <alignment wrapText="1"/>
    </xf>
    <xf numFmtId="0" fontId="34" fillId="0" borderId="27" xfId="1" applyFont="1" applyBorder="1" applyAlignment="1" applyProtection="1">
      <alignment horizontal="center" wrapText="1"/>
    </xf>
    <xf numFmtId="0" fontId="8" fillId="0" borderId="16" xfId="0" applyFont="1" applyBorder="1" applyAlignment="1" applyProtection="1">
      <alignment horizontal="left" vertical="center" wrapText="1"/>
      <protection locked="0"/>
    </xf>
    <xf numFmtId="0" fontId="6" fillId="0" borderId="0" xfId="0" applyFont="1" applyAlignment="1" applyProtection="1">
      <alignment horizontal="center" vertical="center"/>
      <protection locked="0"/>
    </xf>
    <xf numFmtId="0" fontId="35" fillId="0" borderId="20" xfId="0" applyFont="1" applyBorder="1" applyAlignment="1" applyProtection="1">
      <alignment horizontal="center" vertical="center" wrapText="1"/>
      <protection locked="0"/>
    </xf>
    <xf numFmtId="0" fontId="9" fillId="0" borderId="6" xfId="0" applyFont="1" applyBorder="1" applyAlignment="1" applyProtection="1">
      <alignment horizontal="center" vertical="center" wrapText="1"/>
      <protection locked="0"/>
    </xf>
    <xf numFmtId="0" fontId="14" fillId="0" borderId="5" xfId="0" applyFont="1" applyBorder="1" applyAlignment="1" applyProtection="1">
      <alignment horizontal="center" vertical="center"/>
      <protection locked="0"/>
    </xf>
    <xf numFmtId="0" fontId="14" fillId="0" borderId="21" xfId="0" applyFont="1" applyBorder="1" applyAlignment="1" applyProtection="1">
      <alignment horizontal="center" vertical="center" wrapText="1"/>
      <protection locked="0"/>
    </xf>
    <xf numFmtId="0" fontId="14" fillId="0" borderId="0" xfId="0" applyFont="1" applyAlignment="1" applyProtection="1">
      <alignment horizontal="center" vertical="center"/>
      <protection locked="0"/>
    </xf>
    <xf numFmtId="0" fontId="0" fillId="0" borderId="8" xfId="0" applyBorder="1" applyProtection="1">
      <protection locked="0"/>
    </xf>
    <xf numFmtId="0" fontId="6" fillId="0" borderId="16" xfId="0" applyFont="1" applyBorder="1" applyAlignment="1" applyProtection="1">
      <alignment wrapText="1"/>
      <protection locked="0"/>
    </xf>
    <xf numFmtId="0" fontId="17" fillId="7" borderId="13" xfId="0" applyFont="1" applyFill="1" applyBorder="1" applyAlignment="1" applyProtection="1">
      <alignment horizontal="left" vertical="center"/>
      <protection locked="0"/>
    </xf>
    <xf numFmtId="0" fontId="17" fillId="7" borderId="14" xfId="0" applyFont="1" applyFill="1" applyBorder="1" applyAlignment="1" applyProtection="1">
      <alignment horizontal="left"/>
      <protection locked="0"/>
    </xf>
    <xf numFmtId="0" fontId="19" fillId="7" borderId="14" xfId="0" applyFont="1" applyFill="1" applyBorder="1" applyAlignment="1" applyProtection="1">
      <alignment horizontal="center" wrapText="1"/>
      <protection locked="0"/>
    </xf>
    <xf numFmtId="0" fontId="19" fillId="7" borderId="15" xfId="0" applyFont="1" applyFill="1" applyBorder="1" applyAlignment="1" applyProtection="1">
      <alignment horizontal="center" wrapText="1"/>
      <protection locked="0"/>
    </xf>
    <xf numFmtId="0" fontId="20" fillId="7" borderId="8" xfId="0" applyFont="1" applyFill="1" applyBorder="1" applyAlignment="1" applyProtection="1">
      <alignment horizontal="right" wrapText="1"/>
      <protection locked="0"/>
    </xf>
    <xf numFmtId="0" fontId="16" fillId="7" borderId="0" xfId="0" applyFont="1" applyFill="1" applyAlignment="1" applyProtection="1">
      <alignment horizontal="center" wrapText="1"/>
      <protection locked="0"/>
    </xf>
    <xf numFmtId="0" fontId="17" fillId="7" borderId="0" xfId="0" applyFont="1" applyFill="1" applyAlignment="1" applyProtection="1">
      <alignment horizontal="right" wrapText="1"/>
      <protection locked="0"/>
    </xf>
    <xf numFmtId="0" fontId="21" fillId="7" borderId="0" xfId="0" applyFont="1" applyFill="1" applyAlignment="1" applyProtection="1">
      <alignment wrapText="1"/>
      <protection locked="0"/>
    </xf>
    <xf numFmtId="0" fontId="19" fillId="7" borderId="0" xfId="0" applyFont="1" applyFill="1" applyAlignment="1" applyProtection="1">
      <alignment horizontal="center" wrapText="1"/>
      <protection locked="0"/>
    </xf>
    <xf numFmtId="0" fontId="19" fillId="7" borderId="16" xfId="0" applyFont="1" applyFill="1" applyBorder="1" applyAlignment="1" applyProtection="1">
      <alignment horizontal="center" wrapText="1"/>
      <protection locked="0"/>
    </xf>
    <xf numFmtId="0" fontId="17" fillId="7" borderId="0" xfId="0" applyFont="1" applyFill="1" applyAlignment="1" applyProtection="1">
      <alignment horizontal="center" wrapText="1"/>
      <protection locked="0"/>
    </xf>
    <xf numFmtId="0" fontId="20" fillId="7" borderId="0" xfId="0" applyFont="1" applyFill="1" applyAlignment="1" applyProtection="1">
      <alignment horizontal="right" wrapText="1"/>
      <protection locked="0"/>
    </xf>
    <xf numFmtId="0" fontId="22" fillId="7" borderId="0" xfId="1" applyFont="1" applyFill="1" applyBorder="1" applyAlignment="1" applyProtection="1">
      <alignment wrapText="1"/>
      <protection locked="0"/>
    </xf>
    <xf numFmtId="0" fontId="20" fillId="7" borderId="10" xfId="0" applyFont="1" applyFill="1" applyBorder="1" applyAlignment="1" applyProtection="1">
      <alignment horizontal="right" wrapText="1"/>
      <protection locked="0"/>
    </xf>
    <xf numFmtId="0" fontId="17" fillId="7" borderId="11" xfId="0" applyFont="1" applyFill="1" applyBorder="1" applyAlignment="1" applyProtection="1">
      <alignment horizontal="center" wrapText="1"/>
      <protection locked="0"/>
    </xf>
    <xf numFmtId="0" fontId="20" fillId="7" borderId="11" xfId="0" applyFont="1" applyFill="1" applyBorder="1" applyAlignment="1" applyProtection="1">
      <alignment horizontal="right" wrapText="1"/>
      <protection locked="0"/>
    </xf>
    <xf numFmtId="0" fontId="22" fillId="7" borderId="11" xfId="1" applyFont="1" applyFill="1" applyBorder="1" applyAlignment="1" applyProtection="1">
      <alignment wrapText="1"/>
      <protection locked="0"/>
    </xf>
    <xf numFmtId="0" fontId="19" fillId="7" borderId="11" xfId="0" applyFont="1" applyFill="1" applyBorder="1" applyAlignment="1" applyProtection="1">
      <alignment horizontal="center" wrapText="1"/>
      <protection locked="0"/>
    </xf>
    <xf numFmtId="0" fontId="6" fillId="8" borderId="14" xfId="0" applyFont="1" applyFill="1" applyBorder="1" applyProtection="1">
      <protection locked="0"/>
    </xf>
    <xf numFmtId="0" fontId="6" fillId="8" borderId="8" xfId="0" applyFont="1" applyFill="1" applyBorder="1" applyProtection="1">
      <protection locked="0"/>
    </xf>
    <xf numFmtId="0" fontId="6" fillId="8" borderId="0" xfId="0" applyFont="1" applyFill="1" applyProtection="1">
      <protection locked="0"/>
    </xf>
    <xf numFmtId="0" fontId="6" fillId="8" borderId="10" xfId="0" applyFont="1" applyFill="1" applyBorder="1" applyProtection="1">
      <protection locked="0"/>
    </xf>
    <xf numFmtId="0" fontId="6" fillId="8" borderId="11" xfId="0" applyFont="1" applyFill="1" applyBorder="1" applyProtection="1">
      <protection locked="0"/>
    </xf>
    <xf numFmtId="0" fontId="6" fillId="8" borderId="17" xfId="0" applyFont="1" applyFill="1" applyBorder="1" applyProtection="1">
      <protection locked="0"/>
    </xf>
    <xf numFmtId="0" fontId="19" fillId="8" borderId="15" xfId="0" applyFont="1" applyFill="1" applyBorder="1" applyAlignment="1">
      <alignment horizontal="center" wrapText="1"/>
    </xf>
    <xf numFmtId="0" fontId="17" fillId="8" borderId="8" xfId="0" applyFont="1" applyFill="1" applyBorder="1" applyAlignment="1">
      <alignment horizontal="center"/>
    </xf>
    <xf numFmtId="0" fontId="17" fillId="8" borderId="0" xfId="0" applyFont="1" applyFill="1" applyAlignment="1">
      <alignment horizontal="center"/>
    </xf>
    <xf numFmtId="0" fontId="19" fillId="8" borderId="16" xfId="0" applyFont="1" applyFill="1" applyBorder="1" applyAlignment="1">
      <alignment horizontal="center" wrapText="1"/>
    </xf>
    <xf numFmtId="0" fontId="24" fillId="8" borderId="8" xfId="0" applyFont="1" applyFill="1" applyBorder="1" applyAlignment="1">
      <alignment horizontal="center" wrapText="1"/>
    </xf>
    <xf numFmtId="0" fontId="28" fillId="8" borderId="0" xfId="0" applyFont="1" applyFill="1" applyAlignment="1">
      <alignment horizontal="center" vertical="center"/>
    </xf>
    <xf numFmtId="0" fontId="17" fillId="8" borderId="0" xfId="0" applyFont="1" applyFill="1"/>
    <xf numFmtId="0" fontId="6" fillId="8" borderId="0" xfId="0" applyFont="1" applyFill="1"/>
    <xf numFmtId="0" fontId="17" fillId="8" borderId="16" xfId="0" applyFont="1" applyFill="1" applyBorder="1"/>
    <xf numFmtId="0" fontId="28" fillId="8" borderId="0" xfId="0" applyFont="1" applyFill="1" applyAlignment="1">
      <alignment horizontal="center" vertical="center" wrapText="1"/>
    </xf>
    <xf numFmtId="0" fontId="24" fillId="8" borderId="11" xfId="0" applyFont="1" applyFill="1" applyBorder="1"/>
    <xf numFmtId="0" fontId="6" fillId="8" borderId="11" xfId="0" applyFont="1" applyFill="1" applyBorder="1"/>
    <xf numFmtId="0" fontId="10" fillId="0" borderId="0" xfId="0" applyFont="1" applyAlignment="1">
      <alignment horizontal="center" vertical="center"/>
    </xf>
    <xf numFmtId="0" fontId="16" fillId="7" borderId="14" xfId="0" applyFont="1" applyFill="1" applyBorder="1" applyAlignment="1" applyProtection="1">
      <alignment horizontal="center" vertical="center" wrapText="1"/>
      <protection locked="0"/>
    </xf>
    <xf numFmtId="0" fontId="19" fillId="7" borderId="0" xfId="0" applyFont="1" applyFill="1" applyAlignment="1" applyProtection="1">
      <alignment horizontal="center" vertical="center" wrapText="1"/>
      <protection locked="0"/>
    </xf>
    <xf numFmtId="0" fontId="19" fillId="7" borderId="11" xfId="0" applyFont="1" applyFill="1" applyBorder="1" applyAlignment="1" applyProtection="1">
      <alignment horizontal="center" vertical="center" wrapText="1"/>
      <protection locked="0"/>
    </xf>
    <xf numFmtId="0" fontId="19" fillId="8" borderId="14" xfId="0" applyFont="1" applyFill="1" applyBorder="1" applyAlignment="1">
      <alignment horizontal="center" vertical="center" wrapText="1"/>
    </xf>
    <xf numFmtId="0" fontId="19" fillId="8" borderId="0" xfId="0" applyFont="1" applyFill="1" applyAlignment="1">
      <alignment horizontal="center" vertical="center" wrapText="1"/>
    </xf>
    <xf numFmtId="0" fontId="6" fillId="0" borderId="0" xfId="0" applyFont="1" applyAlignment="1">
      <alignment horizontal="center" vertical="center"/>
    </xf>
    <xf numFmtId="0" fontId="6" fillId="8" borderId="14" xfId="0" applyFont="1" applyFill="1" applyBorder="1" applyAlignment="1" applyProtection="1">
      <alignment horizontal="center" vertical="center"/>
      <protection locked="0"/>
    </xf>
    <xf numFmtId="0" fontId="6" fillId="8" borderId="0" xfId="0" applyFont="1" applyFill="1" applyAlignment="1" applyProtection="1">
      <alignment horizontal="center" vertical="center"/>
      <protection locked="0"/>
    </xf>
    <xf numFmtId="0" fontId="23" fillId="8" borderId="11" xfId="1" applyFont="1" applyFill="1" applyBorder="1" applyAlignment="1" applyProtection="1">
      <alignment horizontal="center" vertical="center"/>
      <protection locked="0"/>
    </xf>
    <xf numFmtId="0" fontId="23" fillId="8" borderId="0" xfId="1" applyFont="1" applyFill="1" applyBorder="1" applyAlignment="1" applyProtection="1">
      <alignment horizontal="center" vertical="center"/>
    </xf>
    <xf numFmtId="0" fontId="37" fillId="0" borderId="28" xfId="1" applyFont="1" applyBorder="1" applyAlignment="1" applyProtection="1">
      <alignment horizontal="center" wrapText="1"/>
    </xf>
    <xf numFmtId="0" fontId="11" fillId="4" borderId="4" xfId="0" applyFont="1" applyFill="1" applyBorder="1" applyAlignment="1" applyProtection="1">
      <alignment horizontal="left" vertical="center"/>
      <protection locked="0"/>
    </xf>
    <xf numFmtId="0" fontId="9" fillId="0" borderId="38" xfId="0" applyFont="1" applyBorder="1" applyAlignment="1" applyProtection="1">
      <alignment horizontal="center" vertical="center" wrapText="1"/>
      <protection locked="0"/>
    </xf>
    <xf numFmtId="0" fontId="7" fillId="3" borderId="39" xfId="0" applyFont="1" applyFill="1" applyBorder="1" applyAlignment="1" applyProtection="1">
      <alignment vertical="center" wrapText="1"/>
      <protection locked="0"/>
    </xf>
    <xf numFmtId="0" fontId="5" fillId="3" borderId="39" xfId="0" applyFont="1" applyFill="1" applyBorder="1" applyAlignment="1" applyProtection="1">
      <alignment vertical="center" wrapText="1"/>
      <protection locked="0"/>
    </xf>
    <xf numFmtId="0" fontId="5" fillId="2" borderId="39" xfId="0" applyFont="1" applyFill="1" applyBorder="1" applyAlignment="1" applyProtection="1">
      <alignment vertical="center" wrapText="1"/>
      <protection locked="0"/>
    </xf>
    <xf numFmtId="0" fontId="5" fillId="0" borderId="39" xfId="0" applyFont="1" applyBorder="1" applyAlignment="1" applyProtection="1">
      <alignment vertical="center" wrapText="1"/>
      <protection locked="0"/>
    </xf>
    <xf numFmtId="0" fontId="5" fillId="5" borderId="39" xfId="0" applyFont="1" applyFill="1" applyBorder="1" applyAlignment="1" applyProtection="1">
      <alignment vertical="center" wrapText="1"/>
      <protection locked="0"/>
    </xf>
    <xf numFmtId="0" fontId="7" fillId="5" borderId="39" xfId="0" applyFont="1" applyFill="1" applyBorder="1" applyAlignment="1" applyProtection="1">
      <alignment vertical="center" wrapText="1"/>
      <protection locked="0"/>
    </xf>
    <xf numFmtId="0" fontId="7" fillId="2" borderId="39" xfId="0" applyFont="1" applyFill="1" applyBorder="1" applyAlignment="1" applyProtection="1">
      <alignment vertical="center" wrapText="1"/>
      <protection locked="0"/>
    </xf>
    <xf numFmtId="0" fontId="7" fillId="0" borderId="39" xfId="0" applyFont="1" applyBorder="1" applyAlignment="1" applyProtection="1">
      <alignment vertical="center" wrapText="1"/>
      <protection locked="0"/>
    </xf>
    <xf numFmtId="0" fontId="8" fillId="2" borderId="39" xfId="0" applyFont="1" applyFill="1" applyBorder="1" applyAlignment="1" applyProtection="1">
      <alignment vertical="center" wrapText="1"/>
      <protection locked="0"/>
    </xf>
    <xf numFmtId="0" fontId="5" fillId="0" borderId="40" xfId="0" applyFont="1" applyBorder="1" applyAlignment="1" applyProtection="1">
      <alignment vertical="center" wrapText="1"/>
      <protection locked="0"/>
    </xf>
    <xf numFmtId="0" fontId="14" fillId="0" borderId="41" xfId="0" applyFont="1" applyBorder="1" applyAlignment="1" applyProtection="1">
      <alignment horizontal="center" vertical="center"/>
      <protection locked="0"/>
    </xf>
    <xf numFmtId="0" fontId="6" fillId="3" borderId="3" xfId="0" applyFont="1" applyFill="1" applyBorder="1" applyAlignment="1" applyProtection="1">
      <alignment horizontal="center" vertical="center"/>
      <protection locked="0"/>
    </xf>
    <xf numFmtId="0" fontId="8" fillId="5" borderId="3" xfId="0" applyFont="1" applyFill="1" applyBorder="1" applyAlignment="1" applyProtection="1">
      <alignment horizontal="center" vertical="center"/>
      <protection locked="0"/>
    </xf>
    <xf numFmtId="0" fontId="6" fillId="5" borderId="3" xfId="0" applyFont="1" applyFill="1" applyBorder="1" applyAlignment="1" applyProtection="1">
      <alignment horizontal="center" vertical="center"/>
      <protection locked="0"/>
    </xf>
    <xf numFmtId="0" fontId="6" fillId="0" borderId="3" xfId="0" applyFont="1" applyBorder="1" applyAlignment="1" applyProtection="1">
      <alignment horizontal="center" vertical="center"/>
      <protection locked="0"/>
    </xf>
    <xf numFmtId="0" fontId="36" fillId="0" borderId="3" xfId="0" applyFont="1" applyBorder="1" applyAlignment="1">
      <alignment horizontal="center" vertical="center"/>
    </xf>
    <xf numFmtId="0" fontId="8" fillId="0" borderId="42" xfId="0" applyFont="1" applyBorder="1" applyAlignment="1" applyProtection="1">
      <alignment horizontal="center" vertical="center"/>
      <protection locked="0"/>
    </xf>
    <xf numFmtId="0" fontId="17" fillId="7" borderId="0" xfId="0" applyFont="1" applyFill="1" applyAlignment="1" applyProtection="1">
      <alignment wrapText="1"/>
      <protection locked="0"/>
    </xf>
    <xf numFmtId="0" fontId="9" fillId="4" borderId="43" xfId="0" applyFont="1" applyFill="1" applyBorder="1" applyAlignment="1" applyProtection="1">
      <alignment horizontal="center" vertical="center" wrapText="1"/>
      <protection locked="0"/>
    </xf>
    <xf numFmtId="0" fontId="7" fillId="4" borderId="43" xfId="0" applyFont="1" applyFill="1" applyBorder="1" applyAlignment="1" applyProtection="1">
      <alignment horizontal="center" wrapText="1"/>
      <protection locked="0"/>
    </xf>
    <xf numFmtId="0" fontId="5" fillId="4" borderId="43" xfId="0" applyFont="1" applyFill="1" applyBorder="1" applyAlignment="1" applyProtection="1">
      <alignment horizontal="center" wrapText="1"/>
      <protection locked="0"/>
    </xf>
    <xf numFmtId="0" fontId="6" fillId="4" borderId="43" xfId="0" applyFont="1" applyFill="1" applyBorder="1" applyProtection="1">
      <protection locked="0"/>
    </xf>
    <xf numFmtId="0" fontId="7" fillId="4" borderId="5" xfId="0" applyFont="1" applyFill="1" applyBorder="1" applyAlignment="1" applyProtection="1">
      <alignment horizontal="center" wrapText="1"/>
      <protection locked="0"/>
    </xf>
    <xf numFmtId="0" fontId="5" fillId="4" borderId="5" xfId="0" applyFont="1" applyFill="1" applyBorder="1" applyAlignment="1" applyProtection="1">
      <alignment horizontal="center" wrapText="1"/>
      <protection locked="0"/>
    </xf>
    <xf numFmtId="0" fontId="15" fillId="0" borderId="0" xfId="0" applyFont="1" applyAlignment="1" applyProtection="1">
      <alignment horizontal="center" vertical="center"/>
      <protection locked="0"/>
    </xf>
    <xf numFmtId="0" fontId="5" fillId="3" borderId="2" xfId="0" applyFont="1" applyFill="1" applyBorder="1" applyAlignment="1">
      <alignment vertical="center" wrapText="1"/>
    </xf>
    <xf numFmtId="0" fontId="13" fillId="3" borderId="37" xfId="0" applyFont="1" applyFill="1" applyBorder="1" applyAlignment="1">
      <alignment vertical="center" wrapText="1"/>
    </xf>
    <xf numFmtId="0" fontId="38" fillId="3" borderId="16" xfId="0" applyFont="1" applyFill="1" applyBorder="1" applyAlignment="1">
      <alignment wrapText="1"/>
    </xf>
    <xf numFmtId="0" fontId="28" fillId="5" borderId="16" xfId="0" applyFont="1" applyFill="1" applyBorder="1" applyAlignment="1">
      <alignment wrapText="1"/>
    </xf>
    <xf numFmtId="0" fontId="28" fillId="8" borderId="11" xfId="0" applyFont="1" applyFill="1" applyBorder="1" applyAlignment="1">
      <alignment horizontal="center" wrapText="1"/>
    </xf>
    <xf numFmtId="0" fontId="23" fillId="8" borderId="0" xfId="1" applyFont="1" applyFill="1" applyBorder="1" applyAlignment="1" applyProtection="1">
      <alignment horizontal="left" vertical="center"/>
    </xf>
    <xf numFmtId="0" fontId="8" fillId="2" borderId="40" xfId="0" applyFont="1" applyFill="1" applyBorder="1" applyAlignment="1" applyProtection="1">
      <alignment vertical="center" wrapText="1"/>
      <protection locked="0"/>
    </xf>
    <xf numFmtId="0" fontId="39" fillId="0" borderId="27" xfId="1" applyFont="1" applyBorder="1" applyAlignment="1" applyProtection="1">
      <alignment horizontal="center" wrapText="1"/>
    </xf>
    <xf numFmtId="0" fontId="7" fillId="0" borderId="26" xfId="0" applyFont="1" applyBorder="1" applyAlignment="1" applyProtection="1">
      <alignment horizontal="left" wrapText="1"/>
      <protection locked="0"/>
    </xf>
    <xf numFmtId="0" fontId="1" fillId="2" borderId="25" xfId="0" applyFont="1" applyFill="1" applyBorder="1" applyAlignment="1" applyProtection="1">
      <alignment horizontal="left" wrapText="1"/>
      <protection locked="0"/>
    </xf>
    <xf numFmtId="0" fontId="7" fillId="2" borderId="26" xfId="0" applyFont="1" applyFill="1" applyBorder="1" applyAlignment="1" applyProtection="1">
      <alignment vertical="center" wrapText="1"/>
      <protection locked="0"/>
    </xf>
    <xf numFmtId="0" fontId="8" fillId="0" borderId="0" xfId="0" applyFont="1" applyAlignment="1" applyProtection="1">
      <alignment horizontal="center" vertical="center"/>
      <protection locked="0"/>
    </xf>
    <xf numFmtId="49" fontId="8" fillId="0" borderId="0" xfId="0" applyNumberFormat="1" applyFont="1" applyAlignment="1" applyProtection="1">
      <alignment horizontal="center" vertical="center"/>
      <protection locked="0"/>
    </xf>
    <xf numFmtId="0" fontId="8" fillId="5" borderId="2" xfId="0" applyFont="1" applyFill="1" applyBorder="1" applyAlignment="1" applyProtection="1">
      <alignment horizontal="center" vertical="center"/>
      <protection locked="0"/>
    </xf>
    <xf numFmtId="49" fontId="8" fillId="5" borderId="2" xfId="0" applyNumberFormat="1" applyFont="1" applyFill="1" applyBorder="1" applyAlignment="1" applyProtection="1">
      <alignment horizontal="center" vertical="center"/>
      <protection locked="0"/>
    </xf>
    <xf numFmtId="49" fontId="8" fillId="5" borderId="2" xfId="0" applyNumberFormat="1" applyFont="1" applyFill="1" applyBorder="1" applyAlignment="1" applyProtection="1">
      <alignment horizontal="left" vertical="center" wrapText="1"/>
      <protection locked="0"/>
    </xf>
    <xf numFmtId="0" fontId="5" fillId="5" borderId="44" xfId="0" applyFont="1" applyFill="1" applyBorder="1" applyAlignment="1" applyProtection="1">
      <alignment vertical="center" wrapText="1"/>
      <protection locked="0"/>
    </xf>
    <xf numFmtId="0" fontId="11" fillId="4" borderId="32" xfId="0" applyFont="1" applyFill="1" applyBorder="1" applyAlignment="1">
      <alignment horizontal="left"/>
    </xf>
    <xf numFmtId="0" fontId="11" fillId="4" borderId="33" xfId="0" applyFont="1" applyFill="1" applyBorder="1" applyAlignment="1">
      <alignment horizontal="left"/>
    </xf>
    <xf numFmtId="0" fontId="11" fillId="4" borderId="34" xfId="0" applyFont="1" applyFill="1" applyBorder="1" applyAlignment="1">
      <alignment horizontal="left"/>
    </xf>
    <xf numFmtId="0" fontId="29" fillId="0" borderId="8" xfId="0" applyFont="1" applyBorder="1" applyAlignment="1">
      <alignment horizontal="left" vertical="center" wrapText="1"/>
    </xf>
    <xf numFmtId="0" fontId="29" fillId="0" borderId="0" xfId="0" applyFont="1" applyAlignment="1">
      <alignment horizontal="left" vertical="center" wrapText="1"/>
    </xf>
    <xf numFmtId="0" fontId="29" fillId="0" borderId="16" xfId="0" applyFont="1" applyBorder="1" applyAlignment="1">
      <alignment horizontal="left" vertical="center" wrapText="1"/>
    </xf>
    <xf numFmtId="0" fontId="5" fillId="3" borderId="9" xfId="0" applyFont="1" applyFill="1" applyBorder="1" applyAlignment="1">
      <alignment horizontal="left" vertical="center"/>
    </xf>
    <xf numFmtId="0" fontId="5" fillId="3" borderId="7" xfId="0" applyFont="1" applyFill="1" applyBorder="1" applyAlignment="1">
      <alignment horizontal="left" vertical="center"/>
    </xf>
    <xf numFmtId="0" fontId="5" fillId="3" borderId="18" xfId="0" applyFont="1" applyFill="1" applyBorder="1" applyAlignment="1">
      <alignment horizontal="left" vertical="center"/>
    </xf>
    <xf numFmtId="0" fontId="33" fillId="2" borderId="25" xfId="0" applyFont="1" applyFill="1" applyBorder="1" applyAlignment="1" applyProtection="1">
      <alignment horizontal="center" vertical="center" wrapText="1"/>
      <protection locked="0"/>
    </xf>
    <xf numFmtId="0" fontId="33" fillId="2" borderId="26" xfId="0" applyFont="1" applyFill="1" applyBorder="1" applyAlignment="1" applyProtection="1">
      <alignment horizontal="center" vertical="center" wrapText="1"/>
      <protection locked="0"/>
    </xf>
    <xf numFmtId="0" fontId="31" fillId="2" borderId="26" xfId="0" applyFont="1" applyFill="1" applyBorder="1" applyAlignment="1" applyProtection="1">
      <alignment horizontal="center" vertical="center" wrapText="1"/>
      <protection locked="0"/>
    </xf>
    <xf numFmtId="0" fontId="31" fillId="2" borderId="29" xfId="0" applyFont="1" applyFill="1" applyBorder="1" applyAlignment="1" applyProtection="1">
      <alignment horizontal="center" vertical="center" wrapText="1"/>
      <protection locked="0"/>
    </xf>
    <xf numFmtId="0" fontId="31" fillId="4" borderId="25" xfId="0" applyFont="1" applyFill="1" applyBorder="1" applyAlignment="1" applyProtection="1">
      <alignment horizontal="center" vertical="center" wrapText="1"/>
      <protection locked="0"/>
    </xf>
    <xf numFmtId="0" fontId="31" fillId="4" borderId="26" xfId="0" applyFont="1" applyFill="1" applyBorder="1" applyAlignment="1" applyProtection="1">
      <alignment horizontal="center" vertical="center" wrapText="1"/>
      <protection locked="0"/>
    </xf>
    <xf numFmtId="0" fontId="31" fillId="4" borderId="29" xfId="0" applyFont="1" applyFill="1" applyBorder="1" applyAlignment="1" applyProtection="1">
      <alignment horizontal="center" vertical="center" wrapText="1"/>
      <protection locked="0"/>
    </xf>
    <xf numFmtId="0" fontId="17" fillId="8" borderId="13" xfId="0" applyFont="1" applyFill="1" applyBorder="1" applyAlignment="1" applyProtection="1">
      <alignment horizontal="left"/>
      <protection locked="0"/>
    </xf>
    <xf numFmtId="0" fontId="17" fillId="8" borderId="14" xfId="0" applyFont="1" applyFill="1" applyBorder="1" applyAlignment="1" applyProtection="1">
      <alignment horizontal="left"/>
      <protection locked="0"/>
    </xf>
    <xf numFmtId="0" fontId="17" fillId="8" borderId="13" xfId="0" applyFont="1" applyFill="1" applyBorder="1" applyAlignment="1">
      <alignment horizontal="left"/>
    </xf>
    <xf numFmtId="0" fontId="17" fillId="8" borderId="14" xfId="0" applyFont="1" applyFill="1" applyBorder="1" applyAlignment="1">
      <alignment horizontal="left"/>
    </xf>
    <xf numFmtId="0" fontId="23" fillId="8" borderId="0" xfId="1" applyFont="1" applyFill="1" applyBorder="1" applyAlignment="1" applyProtection="1"/>
    <xf numFmtId="0" fontId="6" fillId="8" borderId="0" xfId="0" applyFont="1" applyFill="1"/>
    <xf numFmtId="0" fontId="23" fillId="8" borderId="11" xfId="1" applyFont="1" applyFill="1" applyBorder="1" applyAlignment="1" applyProtection="1">
      <alignment horizontal="left"/>
    </xf>
    <xf numFmtId="0" fontId="23" fillId="8" borderId="17" xfId="1" applyFont="1" applyFill="1" applyBorder="1" applyAlignment="1" applyProtection="1">
      <alignment horizontal="left"/>
    </xf>
    <xf numFmtId="0" fontId="31" fillId="2" borderId="25" xfId="0" applyFont="1" applyFill="1" applyBorder="1" applyAlignment="1" applyProtection="1">
      <alignment horizontal="center" vertical="center" wrapText="1"/>
      <protection locked="0"/>
    </xf>
    <xf numFmtId="0" fontId="31" fillId="2" borderId="36" xfId="0" applyFont="1" applyFill="1" applyBorder="1" applyAlignment="1" applyProtection="1">
      <alignment horizontal="center" vertical="center" wrapText="1"/>
      <protection locked="0"/>
    </xf>
    <xf numFmtId="0" fontId="24" fillId="8" borderId="8" xfId="0" applyFont="1" applyFill="1" applyBorder="1" applyAlignment="1">
      <alignment horizontal="center" wrapText="1"/>
    </xf>
    <xf numFmtId="0" fontId="24" fillId="8" borderId="10" xfId="0" applyFont="1" applyFill="1" applyBorder="1" applyAlignment="1">
      <alignment horizontal="center" wrapText="1"/>
    </xf>
  </cellXfs>
  <cellStyles count="4">
    <cellStyle name="Hyperlink" xfId="1" builtinId="8"/>
    <cellStyle name="Normal" xfId="0" builtinId="0"/>
    <cellStyle name="Normal 2" xfId="2" xr:uid="{00000000-0005-0000-0000-000002000000}"/>
    <cellStyle name="Normal 3" xfId="3" xr:uid="{00000000-0005-0000-0000-000003000000}"/>
  </cellStyles>
  <dxfs count="0"/>
  <tableStyles count="0" defaultTableStyle="TableStyleMedium2" defaultPivotStyle="PivotStyleLight16"/>
  <colors>
    <mruColors>
      <color rgb="FFFFFFCC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drawings/_rels/drawing1.xml.rels><?xml version="1.0" encoding="UTF-8" standalone="yes"?>
<Relationships xmlns="http://schemas.openxmlformats.org/package/2006/relationships"><Relationship Id="rId8" Type="http://schemas.openxmlformats.org/officeDocument/2006/relationships/image" Target="../media/image8.png"/><Relationship Id="rId3" Type="http://schemas.openxmlformats.org/officeDocument/2006/relationships/image" Target="../media/image3.png"/><Relationship Id="rId7" Type="http://schemas.openxmlformats.org/officeDocument/2006/relationships/image" Target="../media/image7.png"/><Relationship Id="rId2" Type="http://schemas.openxmlformats.org/officeDocument/2006/relationships/image" Target="../media/image2.jpeg"/><Relationship Id="rId1" Type="http://schemas.openxmlformats.org/officeDocument/2006/relationships/image" Target="../media/image1.jpeg"/><Relationship Id="rId6" Type="http://schemas.openxmlformats.org/officeDocument/2006/relationships/image" Target="../media/image6.png"/><Relationship Id="rId5" Type="http://schemas.openxmlformats.org/officeDocument/2006/relationships/image" Target="../media/image5.png"/><Relationship Id="rId4" Type="http://schemas.openxmlformats.org/officeDocument/2006/relationships/image" Target="../media/image4.png"/></Relationships>
</file>

<file path=xl/drawings/drawing1.xml><?xml version="1.0" encoding="utf-8"?>
<xdr:wsDr xmlns:xdr="http://schemas.openxmlformats.org/drawingml/2006/spreadsheetDrawing" xmlns:a="http://schemas.openxmlformats.org/drawingml/2006/main">
  <xdr:twoCellAnchor editAs="oneCell">
    <xdr:from>
      <xdr:col>6</xdr:col>
      <xdr:colOff>39952</xdr:colOff>
      <xdr:row>65</xdr:row>
      <xdr:rowOff>34573</xdr:rowOff>
    </xdr:from>
    <xdr:to>
      <xdr:col>6</xdr:col>
      <xdr:colOff>1480344</xdr:colOff>
      <xdr:row>67</xdr:row>
      <xdr:rowOff>62174</xdr:rowOff>
    </xdr:to>
    <xdr:pic>
      <xdr:nvPicPr>
        <xdr:cNvPr id="10" name="Picture 2" descr="Red Gold Quality - small">
          <a:extLst>
            <a:ext uri="{FF2B5EF4-FFF2-40B4-BE49-F238E27FC236}">
              <a16:creationId xmlns:a16="http://schemas.microsoft.com/office/drawing/2014/main" id="{00000000-0008-0000-0000-00000A00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1" cstate="print">
          <a:extLst>
            <a:ext uri="{28A0092B-C50C-407E-A947-70E740481C1C}">
              <a14:useLocalDpi xmlns:a14="http://schemas.microsoft.com/office/drawing/2010/main" val="0"/>
            </a:ext>
          </a:extLst>
        </a:blip>
        <a:srcRect/>
        <a:stretch>
          <a:fillRect/>
        </a:stretch>
      </xdr:blipFill>
      <xdr:spPr bwMode="auto">
        <a:xfrm>
          <a:off x="8898202" y="43873386"/>
          <a:ext cx="1440392" cy="63482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pic>
    <xdr:clientData/>
  </xdr:twoCellAnchor>
  <xdr:twoCellAnchor editAs="oneCell">
    <xdr:from>
      <xdr:col>4</xdr:col>
      <xdr:colOff>87886</xdr:colOff>
      <xdr:row>2</xdr:row>
      <xdr:rowOff>228600</xdr:rowOff>
    </xdr:from>
    <xdr:to>
      <xdr:col>4</xdr:col>
      <xdr:colOff>1605981</xdr:colOff>
      <xdr:row>2</xdr:row>
      <xdr:rowOff>865566</xdr:rowOff>
    </xdr:to>
    <xdr:pic>
      <xdr:nvPicPr>
        <xdr:cNvPr id="15" name="Picture 14" descr="Red Gold Quality - small">
          <a:extLst>
            <a:ext uri="{FF2B5EF4-FFF2-40B4-BE49-F238E27FC236}">
              <a16:creationId xmlns:a16="http://schemas.microsoft.com/office/drawing/2014/main" id="{00000000-0008-0000-0000-00000F00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2" cstate="print">
          <a:extLst>
            <a:ext uri="{28A0092B-C50C-407E-A947-70E740481C1C}">
              <a14:useLocalDpi xmlns:a14="http://schemas.microsoft.com/office/drawing/2010/main" val="0"/>
            </a:ext>
          </a:extLst>
        </a:blip>
        <a:srcRect/>
        <a:stretch>
          <a:fillRect/>
        </a:stretch>
      </xdr:blipFill>
      <xdr:spPr bwMode="auto">
        <a:xfrm>
          <a:off x="6423775" y="800100"/>
          <a:ext cx="1556195" cy="636966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pic>
    <xdr:clientData/>
  </xdr:twoCellAnchor>
  <xdr:twoCellAnchor editAs="oneCell">
    <xdr:from>
      <xdr:col>6</xdr:col>
      <xdr:colOff>5158499</xdr:colOff>
      <xdr:row>65</xdr:row>
      <xdr:rowOff>58649</xdr:rowOff>
    </xdr:from>
    <xdr:to>
      <xdr:col>6</xdr:col>
      <xdr:colOff>5595944</xdr:colOff>
      <xdr:row>67</xdr:row>
      <xdr:rowOff>88195</xdr:rowOff>
    </xdr:to>
    <xdr:pic>
      <xdr:nvPicPr>
        <xdr:cNvPr id="5" name="Picture 4">
          <a:extLst>
            <a:ext uri="{FF2B5EF4-FFF2-40B4-BE49-F238E27FC236}">
              <a16:creationId xmlns:a16="http://schemas.microsoft.com/office/drawing/2014/main" id="{00000000-0008-0000-0000-000005000000}"/>
            </a:ext>
          </a:extLst>
        </xdr:cNvPr>
        <xdr:cNvPicPr>
          <a:picLocks noChangeAspect="1"/>
        </xdr:cNvPicPr>
      </xdr:nvPicPr>
      <xdr:blipFill>
        <a:blip xmlns:r="http://schemas.openxmlformats.org/officeDocument/2006/relationships" r:embed="rId3" cstate="print">
          <a:extLst>
            <a:ext uri="{28A0092B-C50C-407E-A947-70E740481C1C}">
              <a14:useLocalDpi xmlns:a14="http://schemas.microsoft.com/office/drawing/2010/main" val="0"/>
            </a:ext>
          </a:extLst>
        </a:blip>
        <a:stretch>
          <a:fillRect/>
        </a:stretch>
      </xdr:blipFill>
      <xdr:spPr>
        <a:xfrm>
          <a:off x="14016749" y="43897462"/>
          <a:ext cx="437445" cy="636765"/>
        </a:xfrm>
        <a:prstGeom prst="rect">
          <a:avLst/>
        </a:prstGeom>
      </xdr:spPr>
    </xdr:pic>
    <xdr:clientData/>
  </xdr:twoCellAnchor>
  <xdr:twoCellAnchor editAs="oneCell">
    <xdr:from>
      <xdr:col>6</xdr:col>
      <xdr:colOff>119613</xdr:colOff>
      <xdr:row>68</xdr:row>
      <xdr:rowOff>38363</xdr:rowOff>
    </xdr:from>
    <xdr:to>
      <xdr:col>6</xdr:col>
      <xdr:colOff>1429189</xdr:colOff>
      <xdr:row>70</xdr:row>
      <xdr:rowOff>217768</xdr:rowOff>
    </xdr:to>
    <xdr:pic>
      <xdr:nvPicPr>
        <xdr:cNvPr id="6" name="Picture 5">
          <a:extLst>
            <a:ext uri="{FF2B5EF4-FFF2-40B4-BE49-F238E27FC236}">
              <a16:creationId xmlns:a16="http://schemas.microsoft.com/office/drawing/2014/main" id="{00000000-0008-0000-0000-000006000000}"/>
            </a:ext>
          </a:extLst>
        </xdr:cNvPr>
        <xdr:cNvPicPr>
          <a:picLocks noChangeAspect="1"/>
        </xdr:cNvPicPr>
      </xdr:nvPicPr>
      <xdr:blipFill>
        <a:blip xmlns:r="http://schemas.openxmlformats.org/officeDocument/2006/relationships" r:embed="rId4" cstate="print">
          <a:extLst>
            <a:ext uri="{28A0092B-C50C-407E-A947-70E740481C1C}">
              <a14:useLocalDpi xmlns:a14="http://schemas.microsoft.com/office/drawing/2010/main" val="0"/>
            </a:ext>
          </a:extLst>
        </a:blip>
        <a:stretch>
          <a:fillRect/>
        </a:stretch>
      </xdr:blipFill>
      <xdr:spPr>
        <a:xfrm>
          <a:off x="8977863" y="44543926"/>
          <a:ext cx="1309576" cy="596124"/>
        </a:xfrm>
        <a:prstGeom prst="rect">
          <a:avLst/>
        </a:prstGeom>
      </xdr:spPr>
    </xdr:pic>
    <xdr:clientData/>
  </xdr:twoCellAnchor>
  <xdr:twoCellAnchor editAs="oneCell">
    <xdr:from>
      <xdr:col>6</xdr:col>
      <xdr:colOff>2495020</xdr:colOff>
      <xdr:row>66</xdr:row>
      <xdr:rowOff>4058</xdr:rowOff>
    </xdr:from>
    <xdr:to>
      <xdr:col>6</xdr:col>
      <xdr:colOff>3976687</xdr:colOff>
      <xdr:row>69</xdr:row>
      <xdr:rowOff>33189</xdr:rowOff>
    </xdr:to>
    <xdr:pic>
      <xdr:nvPicPr>
        <xdr:cNvPr id="17" name="Picture 16">
          <a:extLst>
            <a:ext uri="{FF2B5EF4-FFF2-40B4-BE49-F238E27FC236}">
              <a16:creationId xmlns:a16="http://schemas.microsoft.com/office/drawing/2014/main" id="{00000000-0008-0000-0000-000011000000}"/>
            </a:ext>
          </a:extLst>
        </xdr:cNvPr>
        <xdr:cNvPicPr/>
      </xdr:nvPicPr>
      <xdr:blipFill rotWithShape="1">
        <a:blip xmlns:r="http://schemas.openxmlformats.org/officeDocument/2006/relationships" r:embed="rId5" cstate="print">
          <a:extLst>
            <a:ext uri="{28A0092B-C50C-407E-A947-70E740481C1C}">
              <a14:useLocalDpi xmlns:a14="http://schemas.microsoft.com/office/drawing/2010/main" val="0"/>
            </a:ext>
          </a:extLst>
        </a:blip>
        <a:srcRect t="22685" b="22531"/>
        <a:stretch/>
      </xdr:blipFill>
      <xdr:spPr bwMode="auto">
        <a:xfrm>
          <a:off x="11353270" y="44045277"/>
          <a:ext cx="1481667" cy="838756"/>
        </a:xfrm>
        <a:prstGeom prst="rect">
          <a:avLst/>
        </a:prstGeom>
        <a:ln>
          <a:noFill/>
        </a:ln>
        <a:extLst>
          <a:ext uri="{53640926-AAD7-44D8-BBD7-CCE9431645EC}">
            <a14:shadowObscured xmlns:a14="http://schemas.microsoft.com/office/drawing/2010/main"/>
          </a:ext>
        </a:extLst>
      </xdr:spPr>
    </xdr:pic>
    <xdr:clientData/>
  </xdr:twoCellAnchor>
  <xdr:twoCellAnchor editAs="oneCell">
    <xdr:from>
      <xdr:col>6</xdr:col>
      <xdr:colOff>1515622</xdr:colOff>
      <xdr:row>65</xdr:row>
      <xdr:rowOff>33372</xdr:rowOff>
    </xdr:from>
    <xdr:to>
      <xdr:col>6</xdr:col>
      <xdr:colOff>2552788</xdr:colOff>
      <xdr:row>68</xdr:row>
      <xdr:rowOff>165321</xdr:rowOff>
    </xdr:to>
    <xdr:pic>
      <xdr:nvPicPr>
        <xdr:cNvPr id="19" name="Picture 18">
          <a:extLst>
            <a:ext uri="{FF2B5EF4-FFF2-40B4-BE49-F238E27FC236}">
              <a16:creationId xmlns:a16="http://schemas.microsoft.com/office/drawing/2014/main" id="{00000000-0008-0000-0000-000013000000}"/>
            </a:ext>
          </a:extLst>
        </xdr:cNvPr>
        <xdr:cNvPicPr>
          <a:picLocks noChangeAspect="1"/>
        </xdr:cNvPicPr>
      </xdr:nvPicPr>
      <xdr:blipFill>
        <a:blip xmlns:r="http://schemas.openxmlformats.org/officeDocument/2006/relationships" r:embed="rId6" cstate="print">
          <a:extLst>
            <a:ext uri="{28A0092B-C50C-407E-A947-70E740481C1C}">
              <a14:useLocalDpi xmlns:a14="http://schemas.microsoft.com/office/drawing/2010/main" val="0"/>
            </a:ext>
          </a:extLst>
        </a:blip>
        <a:stretch>
          <a:fillRect/>
        </a:stretch>
      </xdr:blipFill>
      <xdr:spPr>
        <a:xfrm>
          <a:off x="10373872" y="43872185"/>
          <a:ext cx="1037166" cy="941574"/>
        </a:xfrm>
        <a:prstGeom prst="rect">
          <a:avLst/>
        </a:prstGeom>
      </xdr:spPr>
    </xdr:pic>
    <xdr:clientData/>
  </xdr:twoCellAnchor>
  <xdr:twoCellAnchor editAs="oneCell">
    <xdr:from>
      <xdr:col>6</xdr:col>
      <xdr:colOff>3651204</xdr:colOff>
      <xdr:row>64</xdr:row>
      <xdr:rowOff>201768</xdr:rowOff>
    </xdr:from>
    <xdr:to>
      <xdr:col>6</xdr:col>
      <xdr:colOff>5159362</xdr:colOff>
      <xdr:row>70</xdr:row>
      <xdr:rowOff>45520</xdr:rowOff>
    </xdr:to>
    <xdr:pic>
      <xdr:nvPicPr>
        <xdr:cNvPr id="20" name="Picture 19">
          <a:extLst>
            <a:ext uri="{FF2B5EF4-FFF2-40B4-BE49-F238E27FC236}">
              <a16:creationId xmlns:a16="http://schemas.microsoft.com/office/drawing/2014/main" id="{00000000-0008-0000-0000-000014000000}"/>
            </a:ext>
          </a:extLst>
        </xdr:cNvPr>
        <xdr:cNvPicPr/>
      </xdr:nvPicPr>
      <xdr:blipFill rotWithShape="1">
        <a:blip xmlns:r="http://schemas.openxmlformats.org/officeDocument/2006/relationships" r:embed="rId7" cstate="print">
          <a:extLst>
            <a:ext uri="{28A0092B-C50C-407E-A947-70E740481C1C}">
              <a14:useLocalDpi xmlns:a14="http://schemas.microsoft.com/office/drawing/2010/main" val="0"/>
            </a:ext>
          </a:extLst>
        </a:blip>
        <a:srcRect l="38951" t="40473" r="41216" b="39043"/>
        <a:stretch/>
      </xdr:blipFill>
      <xdr:spPr>
        <a:xfrm rot="653094">
          <a:off x="12509454" y="43695299"/>
          <a:ext cx="1508158" cy="1415377"/>
        </a:xfrm>
        <a:prstGeom prst="rect">
          <a:avLst/>
        </a:prstGeom>
      </xdr:spPr>
    </xdr:pic>
    <xdr:clientData/>
  </xdr:twoCellAnchor>
  <xdr:twoCellAnchor editAs="oneCell">
    <xdr:from>
      <xdr:col>6</xdr:col>
      <xdr:colOff>4855058</xdr:colOff>
      <xdr:row>67</xdr:row>
      <xdr:rowOff>176410</xdr:rowOff>
    </xdr:from>
    <xdr:to>
      <xdr:col>6</xdr:col>
      <xdr:colOff>5710501</xdr:colOff>
      <xdr:row>71</xdr:row>
      <xdr:rowOff>24996</xdr:rowOff>
    </xdr:to>
    <xdr:pic>
      <xdr:nvPicPr>
        <xdr:cNvPr id="21" name="Picture 20">
          <a:extLst>
            <a:ext uri="{FF2B5EF4-FFF2-40B4-BE49-F238E27FC236}">
              <a16:creationId xmlns:a16="http://schemas.microsoft.com/office/drawing/2014/main" id="{00000000-0008-0000-0000-000015000000}"/>
            </a:ext>
          </a:extLst>
        </xdr:cNvPr>
        <xdr:cNvPicPr>
          <a:picLocks noChangeAspect="1"/>
        </xdr:cNvPicPr>
      </xdr:nvPicPr>
      <xdr:blipFill>
        <a:blip xmlns:r="http://schemas.openxmlformats.org/officeDocument/2006/relationships" r:embed="rId8" cstate="print">
          <a:extLst>
            <a:ext uri="{28A0092B-C50C-407E-A947-70E740481C1C}">
              <a14:useLocalDpi xmlns:a14="http://schemas.microsoft.com/office/drawing/2010/main" val="0"/>
            </a:ext>
          </a:extLst>
        </a:blip>
        <a:stretch>
          <a:fillRect/>
        </a:stretch>
      </xdr:blipFill>
      <xdr:spPr>
        <a:xfrm>
          <a:off x="13713308" y="44479566"/>
          <a:ext cx="855443" cy="741555"/>
        </a:xfrm>
        <a:prstGeom prst="rect">
          <a:avLst/>
        </a:prstGeom>
      </xdr:spPr>
    </xdr:pic>
    <xdr:clientData/>
  </xdr:twoCellAnchor>
</xdr:wsDr>
</file>

<file path=xl/theme/theme1.xml><?xml version="1.0" encoding="utf-8"?>
<a:theme xmlns:a="http://schemas.openxmlformats.org/drawingml/2006/main" name="Office Theme 2007 - 2010">
  <a:themeElements>
    <a:clrScheme name="Office 2007 - 2010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 2007 - 2010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 2007 - 2010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8" Type="http://schemas.openxmlformats.org/officeDocument/2006/relationships/drawing" Target="../drawings/drawing1.xml"/><Relationship Id="rId3" Type="http://schemas.openxmlformats.org/officeDocument/2006/relationships/hyperlink" Target="http://www.tomatowellness.com/" TargetMode="External"/><Relationship Id="rId7" Type="http://schemas.openxmlformats.org/officeDocument/2006/relationships/printerSettings" Target="../printerSettings/printerSettings1.bin"/><Relationship Id="rId2" Type="http://schemas.openxmlformats.org/officeDocument/2006/relationships/hyperlink" Target="http://www.k12tomatoes.com/" TargetMode="External"/><Relationship Id="rId1" Type="http://schemas.openxmlformats.org/officeDocument/2006/relationships/hyperlink" Target="mailto:jchaffin@redgold.com" TargetMode="External"/><Relationship Id="rId6" Type="http://schemas.openxmlformats.org/officeDocument/2006/relationships/hyperlink" Target="http://www.redgoldtomatoes.com/" TargetMode="External"/><Relationship Id="rId5" Type="http://schemas.openxmlformats.org/officeDocument/2006/relationships/hyperlink" Target="http://www.redgoldfoodservice.com/" TargetMode="External"/><Relationship Id="rId10" Type="http://schemas.openxmlformats.org/officeDocument/2006/relationships/comments" Target="../comments1.xml"/><Relationship Id="rId4" Type="http://schemas.openxmlformats.org/officeDocument/2006/relationships/hyperlink" Target="mailto:dsaverino@redgold.com" TargetMode="External"/><Relationship Id="rId9" Type="http://schemas.openxmlformats.org/officeDocument/2006/relationships/vmlDrawing" Target="../drawings/vmlDrawing1.vml"/></Relationships>
</file>

<file path=xl/worksheets/sheet1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>
    <pageSetUpPr fitToPage="1"/>
  </sheetPr>
  <dimension ref="A1:L76"/>
  <sheetViews>
    <sheetView tabSelected="1" topLeftCell="A25" zoomScale="50" zoomScaleNormal="50" workbookViewId="0">
      <selection activeCell="A48" sqref="A48:XFD48"/>
    </sheetView>
  </sheetViews>
  <sheetFormatPr defaultColWidth="22" defaultRowHeight="15.75"/>
  <cols>
    <col min="1" max="1" width="12.85546875" style="49" customWidth="1"/>
    <col min="2" max="2" width="12.42578125" style="3" customWidth="1"/>
    <col min="3" max="3" width="62.140625" style="3" customWidth="1"/>
    <col min="4" max="4" width="3.140625" style="3" customWidth="1"/>
    <col min="5" max="5" width="24.140625" style="60" customWidth="1"/>
    <col min="6" max="6" width="18" style="3" customWidth="1"/>
    <col min="7" max="7" width="86.140625" style="50" customWidth="1"/>
    <col min="8" max="16384" width="22" style="3"/>
  </cols>
  <sheetData>
    <row r="1" spans="1:7" ht="24" thickBot="1">
      <c r="A1" s="160" t="s">
        <v>240</v>
      </c>
      <c r="B1" s="161"/>
      <c r="C1" s="161"/>
      <c r="D1" s="161"/>
      <c r="E1" s="161"/>
      <c r="F1" s="161"/>
      <c r="G1" s="162"/>
    </row>
    <row r="2" spans="1:7" ht="18.75">
      <c r="A2" s="9"/>
      <c r="B2" s="10"/>
      <c r="C2" s="11"/>
      <c r="D2" s="10"/>
      <c r="E2" s="104"/>
      <c r="F2" s="10"/>
      <c r="G2" s="12"/>
    </row>
    <row r="3" spans="1:7" ht="110.25">
      <c r="A3" s="144" t="s">
        <v>175</v>
      </c>
      <c r="B3" s="13"/>
      <c r="C3" s="143" t="s">
        <v>176</v>
      </c>
      <c r="D3" s="1"/>
      <c r="E3" s="110"/>
      <c r="F3" s="14" t="s">
        <v>130</v>
      </c>
      <c r="G3" s="53" t="s">
        <v>173</v>
      </c>
    </row>
    <row r="4" spans="1:7" s="15" customFormat="1">
      <c r="A4" s="163" t="s">
        <v>135</v>
      </c>
      <c r="B4" s="164"/>
      <c r="C4" s="164"/>
      <c r="D4" s="164"/>
      <c r="E4" s="164"/>
      <c r="F4" s="164"/>
      <c r="G4" s="165"/>
    </row>
    <row r="5" spans="1:7" s="142" customFormat="1" ht="18.75">
      <c r="A5" s="166" t="s">
        <v>181</v>
      </c>
      <c r="B5" s="167"/>
      <c r="C5" s="167"/>
      <c r="D5" s="167"/>
      <c r="E5" s="167"/>
      <c r="F5" s="167"/>
      <c r="G5" s="168"/>
    </row>
    <row r="6" spans="1:7" s="16" customFormat="1" ht="23.25">
      <c r="A6" s="5" t="s">
        <v>106</v>
      </c>
      <c r="B6" s="6"/>
      <c r="C6" s="6"/>
      <c r="D6" s="7"/>
      <c r="E6" s="116" t="s">
        <v>177</v>
      </c>
      <c r="F6" s="6"/>
      <c r="G6" s="8"/>
    </row>
    <row r="7" spans="1:7" s="65" customFormat="1" ht="30">
      <c r="A7" s="61" t="s">
        <v>85</v>
      </c>
      <c r="B7" s="62" t="s">
        <v>67</v>
      </c>
      <c r="C7" s="117" t="s">
        <v>4</v>
      </c>
      <c r="D7" s="136"/>
      <c r="E7" s="128" t="s">
        <v>2</v>
      </c>
      <c r="F7" s="63" t="s">
        <v>3</v>
      </c>
      <c r="G7" s="64" t="s">
        <v>4</v>
      </c>
    </row>
    <row r="8" spans="1:7" ht="18.75">
      <c r="A8" s="173" t="s">
        <v>172</v>
      </c>
      <c r="B8" s="174"/>
      <c r="C8" s="174"/>
      <c r="D8" s="137"/>
      <c r="E8" s="174" t="s">
        <v>203</v>
      </c>
      <c r="F8" s="174"/>
      <c r="G8" s="175"/>
    </row>
    <row r="9" spans="1:7" ht="78.75">
      <c r="A9" s="17" t="s">
        <v>66</v>
      </c>
      <c r="B9" s="18" t="s">
        <v>0</v>
      </c>
      <c r="C9" s="118" t="s">
        <v>174</v>
      </c>
      <c r="D9" s="137"/>
      <c r="E9" s="26" t="s">
        <v>26</v>
      </c>
      <c r="F9" s="19" t="s">
        <v>27</v>
      </c>
      <c r="G9" s="20" t="s">
        <v>160</v>
      </c>
    </row>
    <row r="10" spans="1:7" ht="63">
      <c r="A10" s="17" t="s">
        <v>66</v>
      </c>
      <c r="B10" s="18" t="s">
        <v>0</v>
      </c>
      <c r="C10" s="119" t="s">
        <v>186</v>
      </c>
      <c r="D10" s="138"/>
      <c r="E10" s="26" t="s">
        <v>10</v>
      </c>
      <c r="F10" s="19" t="s">
        <v>11</v>
      </c>
      <c r="G10" s="20" t="s">
        <v>161</v>
      </c>
    </row>
    <row r="11" spans="1:7" s="22" customFormat="1" ht="94.5">
      <c r="A11" s="17" t="s">
        <v>66</v>
      </c>
      <c r="B11" s="18" t="s">
        <v>0</v>
      </c>
      <c r="C11" s="118" t="s">
        <v>185</v>
      </c>
      <c r="D11" s="137"/>
      <c r="E11" s="129" t="s">
        <v>18</v>
      </c>
      <c r="F11" s="21" t="s">
        <v>19</v>
      </c>
      <c r="G11" s="20" t="s">
        <v>162</v>
      </c>
    </row>
    <row r="12" spans="1:7" s="22" customFormat="1" ht="94.5">
      <c r="A12" s="17" t="s">
        <v>66</v>
      </c>
      <c r="B12" s="18" t="s">
        <v>0</v>
      </c>
      <c r="C12" s="118" t="s">
        <v>184</v>
      </c>
      <c r="D12" s="137"/>
      <c r="E12" s="26" t="s">
        <v>20</v>
      </c>
      <c r="F12" s="19" t="s">
        <v>21</v>
      </c>
      <c r="G12" s="20" t="s">
        <v>163</v>
      </c>
    </row>
    <row r="13" spans="1:7" s="22" customFormat="1" ht="94.5">
      <c r="A13" s="17" t="s">
        <v>66</v>
      </c>
      <c r="B13" s="18" t="s">
        <v>0</v>
      </c>
      <c r="C13" s="118" t="s">
        <v>188</v>
      </c>
      <c r="D13" s="137"/>
      <c r="E13" s="129" t="s">
        <v>95</v>
      </c>
      <c r="F13" s="23" t="s">
        <v>125</v>
      </c>
      <c r="G13" s="24" t="s">
        <v>164</v>
      </c>
    </row>
    <row r="14" spans="1:7" ht="78.75">
      <c r="A14" s="17" t="s">
        <v>66</v>
      </c>
      <c r="B14" s="18" t="s">
        <v>0</v>
      </c>
      <c r="C14" s="119" t="s">
        <v>187</v>
      </c>
      <c r="D14" s="138"/>
      <c r="E14" s="129" t="s">
        <v>42</v>
      </c>
      <c r="F14" s="23" t="s">
        <v>43</v>
      </c>
      <c r="G14" s="25" t="s">
        <v>165</v>
      </c>
    </row>
    <row r="15" spans="1:7" s="22" customFormat="1" ht="94.5">
      <c r="A15" s="17" t="s">
        <v>66</v>
      </c>
      <c r="B15" s="18" t="s">
        <v>0</v>
      </c>
      <c r="C15" s="118" t="s">
        <v>132</v>
      </c>
      <c r="D15" s="137"/>
      <c r="E15" s="26" t="s">
        <v>22</v>
      </c>
      <c r="F15" s="26" t="s">
        <v>23</v>
      </c>
      <c r="G15" s="20" t="s">
        <v>166</v>
      </c>
    </row>
    <row r="16" spans="1:7" s="22" customFormat="1" ht="94.5">
      <c r="A16" s="17" t="s">
        <v>66</v>
      </c>
      <c r="B16" s="18" t="s">
        <v>0</v>
      </c>
      <c r="C16" s="118" t="s">
        <v>189</v>
      </c>
      <c r="D16" s="137"/>
      <c r="E16" s="26" t="s">
        <v>14</v>
      </c>
      <c r="F16" s="21" t="s">
        <v>15</v>
      </c>
      <c r="G16" s="27" t="s">
        <v>167</v>
      </c>
    </row>
    <row r="17" spans="1:7" s="22" customFormat="1" ht="94.5">
      <c r="A17" s="17" t="s">
        <v>66</v>
      </c>
      <c r="B17" s="18" t="s">
        <v>0</v>
      </c>
      <c r="C17" s="118" t="s">
        <v>190</v>
      </c>
      <c r="D17" s="137"/>
      <c r="E17" s="26" t="s">
        <v>16</v>
      </c>
      <c r="F17" s="19" t="s">
        <v>17</v>
      </c>
      <c r="G17" s="27" t="s">
        <v>168</v>
      </c>
    </row>
    <row r="18" spans="1:7" s="22" customFormat="1" ht="94.5">
      <c r="A18" s="17" t="s">
        <v>66</v>
      </c>
      <c r="B18" s="18" t="s">
        <v>0</v>
      </c>
      <c r="C18" s="118" t="s">
        <v>96</v>
      </c>
      <c r="D18" s="137"/>
      <c r="E18" s="129" t="s">
        <v>89</v>
      </c>
      <c r="F18" s="23" t="s">
        <v>88</v>
      </c>
      <c r="G18" s="28" t="s">
        <v>169</v>
      </c>
    </row>
    <row r="19" spans="1:7" ht="63">
      <c r="A19" s="29" t="s">
        <v>66</v>
      </c>
      <c r="B19" s="30" t="s">
        <v>0</v>
      </c>
      <c r="C19" s="120" t="s">
        <v>192</v>
      </c>
      <c r="D19" s="138"/>
      <c r="E19" s="42" t="s">
        <v>44</v>
      </c>
      <c r="F19" s="31" t="s">
        <v>45</v>
      </c>
      <c r="G19" s="32" t="s">
        <v>109</v>
      </c>
    </row>
    <row r="20" spans="1:7" ht="63">
      <c r="A20" s="29" t="s">
        <v>66</v>
      </c>
      <c r="B20" s="30" t="s">
        <v>0</v>
      </c>
      <c r="C20" s="120" t="s">
        <v>193</v>
      </c>
      <c r="D20" s="138"/>
      <c r="E20" s="42" t="s">
        <v>138</v>
      </c>
      <c r="F20" s="31" t="s">
        <v>137</v>
      </c>
      <c r="G20" s="32" t="s">
        <v>136</v>
      </c>
    </row>
    <row r="21" spans="1:7" ht="63">
      <c r="A21" s="17" t="s">
        <v>66</v>
      </c>
      <c r="B21" s="18" t="s">
        <v>0</v>
      </c>
      <c r="C21" s="119" t="s">
        <v>191</v>
      </c>
      <c r="D21" s="138"/>
      <c r="E21" s="129" t="s">
        <v>38</v>
      </c>
      <c r="F21" s="23" t="s">
        <v>39</v>
      </c>
      <c r="G21" s="20" t="s">
        <v>110</v>
      </c>
    </row>
    <row r="22" spans="1:7" ht="63">
      <c r="A22" s="29" t="s">
        <v>66</v>
      </c>
      <c r="B22" s="30" t="s">
        <v>0</v>
      </c>
      <c r="C22" s="120" t="s">
        <v>211</v>
      </c>
      <c r="D22" s="138"/>
      <c r="E22" s="42" t="s">
        <v>210</v>
      </c>
      <c r="F22" s="31" t="s">
        <v>209</v>
      </c>
      <c r="G22" s="32" t="s">
        <v>111</v>
      </c>
    </row>
    <row r="23" spans="1:7" ht="63">
      <c r="A23" s="29" t="s">
        <v>66</v>
      </c>
      <c r="B23" s="30" t="s">
        <v>0</v>
      </c>
      <c r="C23" s="121" t="s">
        <v>194</v>
      </c>
      <c r="D23" s="138"/>
      <c r="E23" s="42" t="s">
        <v>36</v>
      </c>
      <c r="F23" s="31" t="s">
        <v>37</v>
      </c>
      <c r="G23" s="32" t="s">
        <v>112</v>
      </c>
    </row>
    <row r="24" spans="1:7" ht="78.75">
      <c r="A24" s="17" t="s">
        <v>66</v>
      </c>
      <c r="B24" s="18" t="s">
        <v>0</v>
      </c>
      <c r="C24" s="119" t="s">
        <v>212</v>
      </c>
      <c r="D24" s="138"/>
      <c r="E24" s="26" t="s">
        <v>28</v>
      </c>
      <c r="F24" s="19" t="s">
        <v>29</v>
      </c>
      <c r="G24" s="27" t="s">
        <v>113</v>
      </c>
    </row>
    <row r="25" spans="1:7" ht="63">
      <c r="A25" s="33" t="s">
        <v>66</v>
      </c>
      <c r="B25" s="30" t="s">
        <v>0</v>
      </c>
      <c r="C25" s="121" t="s">
        <v>98</v>
      </c>
      <c r="D25" s="137"/>
      <c r="E25" s="42" t="s">
        <v>28</v>
      </c>
      <c r="F25" s="31" t="s">
        <v>71</v>
      </c>
      <c r="G25" s="32" t="s">
        <v>114</v>
      </c>
    </row>
    <row r="26" spans="1:7" ht="63">
      <c r="A26" s="34" t="s">
        <v>66</v>
      </c>
      <c r="B26" s="35" t="s">
        <v>0</v>
      </c>
      <c r="C26" s="122" t="s">
        <v>104</v>
      </c>
      <c r="D26" s="137"/>
      <c r="E26" s="130" t="s">
        <v>105</v>
      </c>
      <c r="F26" s="36" t="s">
        <v>102</v>
      </c>
      <c r="G26" s="37" t="s">
        <v>115</v>
      </c>
    </row>
    <row r="27" spans="1:7" ht="78.75">
      <c r="A27" s="34" t="s">
        <v>66</v>
      </c>
      <c r="B27" s="35" t="s">
        <v>0</v>
      </c>
      <c r="C27" s="159" t="s">
        <v>248</v>
      </c>
      <c r="D27" s="137"/>
      <c r="E27" s="156" t="s">
        <v>246</v>
      </c>
      <c r="F27" s="157" t="s">
        <v>247</v>
      </c>
      <c r="G27" s="158" t="s">
        <v>252</v>
      </c>
    </row>
    <row r="28" spans="1:7">
      <c r="A28" s="66"/>
      <c r="D28" s="139"/>
      <c r="G28" s="67"/>
    </row>
    <row r="29" spans="1:7" ht="47.25">
      <c r="A29" s="29" t="s">
        <v>66</v>
      </c>
      <c r="B29" s="30" t="s">
        <v>0</v>
      </c>
      <c r="C29" s="121" t="s">
        <v>195</v>
      </c>
      <c r="D29" s="138"/>
      <c r="E29" s="42" t="s">
        <v>12</v>
      </c>
      <c r="F29" s="31" t="s">
        <v>13</v>
      </c>
      <c r="G29" s="32" t="s">
        <v>116</v>
      </c>
    </row>
    <row r="30" spans="1:7" ht="63">
      <c r="A30" s="29" t="s">
        <v>66</v>
      </c>
      <c r="B30" s="30" t="s">
        <v>0</v>
      </c>
      <c r="C30" s="121" t="s">
        <v>99</v>
      </c>
      <c r="D30" s="138"/>
      <c r="E30" s="42" t="s">
        <v>32</v>
      </c>
      <c r="F30" s="31" t="s">
        <v>33</v>
      </c>
      <c r="G30" s="32" t="s">
        <v>117</v>
      </c>
    </row>
    <row r="31" spans="1:7" ht="63">
      <c r="A31" s="34" t="s">
        <v>66</v>
      </c>
      <c r="B31" s="35" t="s">
        <v>0</v>
      </c>
      <c r="C31" s="122" t="s">
        <v>100</v>
      </c>
      <c r="D31" s="138"/>
      <c r="E31" s="130" t="s">
        <v>101</v>
      </c>
      <c r="F31" s="36" t="s">
        <v>103</v>
      </c>
      <c r="G31" s="37" t="s">
        <v>118</v>
      </c>
    </row>
    <row r="32" spans="1:7" ht="78.75">
      <c r="A32" s="34" t="s">
        <v>66</v>
      </c>
      <c r="B32" s="35" t="s">
        <v>0</v>
      </c>
      <c r="C32" s="122" t="s">
        <v>196</v>
      </c>
      <c r="D32" s="137"/>
      <c r="E32" s="130" t="s">
        <v>30</v>
      </c>
      <c r="F32" s="36" t="s">
        <v>31</v>
      </c>
      <c r="G32" s="37" t="s">
        <v>119</v>
      </c>
    </row>
    <row r="33" spans="1:7" ht="78.75">
      <c r="A33" s="34" t="s">
        <v>66</v>
      </c>
      <c r="B33" s="35" t="s">
        <v>0</v>
      </c>
      <c r="C33" s="122" t="s">
        <v>197</v>
      </c>
      <c r="D33" s="137"/>
      <c r="E33" s="130" t="s">
        <v>34</v>
      </c>
      <c r="F33" s="36" t="s">
        <v>35</v>
      </c>
      <c r="G33" s="37" t="s">
        <v>121</v>
      </c>
    </row>
    <row r="34" spans="1:7" s="22" customFormat="1" ht="78.75">
      <c r="A34" s="34" t="s">
        <v>66</v>
      </c>
      <c r="B34" s="35" t="s">
        <v>0</v>
      </c>
      <c r="C34" s="123" t="s">
        <v>198</v>
      </c>
      <c r="D34" s="137"/>
      <c r="E34" s="130" t="s">
        <v>46</v>
      </c>
      <c r="F34" s="36" t="s">
        <v>47</v>
      </c>
      <c r="G34" s="37" t="s">
        <v>122</v>
      </c>
    </row>
    <row r="35" spans="1:7" ht="63">
      <c r="A35" s="34" t="s">
        <v>66</v>
      </c>
      <c r="B35" s="35" t="s">
        <v>0</v>
      </c>
      <c r="C35" s="123" t="s">
        <v>207</v>
      </c>
      <c r="D35" s="137"/>
      <c r="E35" s="131" t="s">
        <v>206</v>
      </c>
      <c r="F35" s="38" t="s">
        <v>205</v>
      </c>
      <c r="G35" s="37" t="s">
        <v>208</v>
      </c>
    </row>
    <row r="36" spans="1:7" ht="63">
      <c r="A36" s="51" t="s">
        <v>1</v>
      </c>
      <c r="B36" s="35" t="s">
        <v>0</v>
      </c>
      <c r="C36" s="123" t="s">
        <v>107</v>
      </c>
      <c r="D36" s="137"/>
      <c r="E36" s="130" t="s">
        <v>61</v>
      </c>
      <c r="F36" s="36" t="s">
        <v>62</v>
      </c>
      <c r="G36" s="52" t="s">
        <v>159</v>
      </c>
    </row>
    <row r="37" spans="1:7" ht="63">
      <c r="A37" s="39" t="s">
        <v>1</v>
      </c>
      <c r="B37" s="30" t="s">
        <v>0</v>
      </c>
      <c r="C37" s="124" t="s">
        <v>97</v>
      </c>
      <c r="D37" s="140"/>
      <c r="E37" s="42" t="s">
        <v>63</v>
      </c>
      <c r="F37" s="31" t="s">
        <v>72</v>
      </c>
      <c r="G37" s="40" t="s">
        <v>120</v>
      </c>
    </row>
    <row r="38" spans="1:7">
      <c r="A38" s="152"/>
      <c r="B38" s="151"/>
      <c r="C38" s="153"/>
      <c r="D38" s="137"/>
      <c r="E38" s="154"/>
      <c r="F38" s="155"/>
      <c r="G38" s="59"/>
    </row>
    <row r="39" spans="1:7" ht="18.75">
      <c r="A39" s="173" t="s">
        <v>129</v>
      </c>
      <c r="B39" s="174"/>
      <c r="C39" s="174"/>
      <c r="D39" s="137"/>
      <c r="E39" s="174" t="s">
        <v>204</v>
      </c>
      <c r="F39" s="174"/>
      <c r="G39" s="175"/>
    </row>
    <row r="40" spans="1:7" s="22" customFormat="1" ht="47.25">
      <c r="A40" s="17" t="s">
        <v>86</v>
      </c>
      <c r="B40" s="18" t="s">
        <v>0</v>
      </c>
      <c r="C40" s="118" t="s">
        <v>222</v>
      </c>
      <c r="D40" s="137"/>
      <c r="E40" s="26" t="s">
        <v>50</v>
      </c>
      <c r="F40" s="41" t="s">
        <v>51</v>
      </c>
      <c r="G40" s="20" t="s">
        <v>221</v>
      </c>
    </row>
    <row r="41" spans="1:7" ht="47.25">
      <c r="A41" s="17" t="s">
        <v>86</v>
      </c>
      <c r="B41" s="18" t="s">
        <v>0</v>
      </c>
      <c r="C41" s="119" t="s">
        <v>124</v>
      </c>
      <c r="D41" s="138"/>
      <c r="E41" s="26" t="s">
        <v>54</v>
      </c>
      <c r="F41" s="41" t="s">
        <v>55</v>
      </c>
      <c r="G41" s="20" t="s">
        <v>143</v>
      </c>
    </row>
    <row r="42" spans="1:7" ht="47.25">
      <c r="A42" s="17" t="s">
        <v>86</v>
      </c>
      <c r="B42" s="18" t="s">
        <v>0</v>
      </c>
      <c r="C42" s="119" t="s">
        <v>92</v>
      </c>
      <c r="D42" s="138"/>
      <c r="E42" s="19" t="s">
        <v>7</v>
      </c>
      <c r="F42" s="41" t="s">
        <v>8</v>
      </c>
      <c r="G42" s="20" t="s">
        <v>220</v>
      </c>
    </row>
    <row r="43" spans="1:7" s="22" customFormat="1" ht="47.25">
      <c r="A43" s="17" t="s">
        <v>86</v>
      </c>
      <c r="B43" s="18" t="s">
        <v>0</v>
      </c>
      <c r="C43" s="118" t="s">
        <v>93</v>
      </c>
      <c r="D43" s="137"/>
      <c r="E43" s="19" t="s">
        <v>69</v>
      </c>
      <c r="F43" s="41" t="s">
        <v>68</v>
      </c>
      <c r="G43" s="20" t="s">
        <v>219</v>
      </c>
    </row>
    <row r="44" spans="1:7" ht="45">
      <c r="A44" s="17" t="s">
        <v>86</v>
      </c>
      <c r="B44" s="18" t="s">
        <v>0</v>
      </c>
      <c r="C44" s="119" t="s">
        <v>94</v>
      </c>
      <c r="D44" s="138"/>
      <c r="E44" s="26" t="s">
        <v>58</v>
      </c>
      <c r="F44" s="41" t="s">
        <v>59</v>
      </c>
      <c r="G44" s="20" t="s">
        <v>218</v>
      </c>
    </row>
    <row r="45" spans="1:7" s="22" customFormat="1" ht="94.5">
      <c r="A45" s="17" t="s">
        <v>86</v>
      </c>
      <c r="B45" s="18" t="s">
        <v>0</v>
      </c>
      <c r="C45" s="118" t="s">
        <v>199</v>
      </c>
      <c r="D45" s="137"/>
      <c r="E45" s="129" t="s">
        <v>142</v>
      </c>
      <c r="F45" s="23" t="s">
        <v>141</v>
      </c>
      <c r="G45" s="20" t="s">
        <v>216</v>
      </c>
    </row>
    <row r="46" spans="1:7" s="22" customFormat="1" ht="78.75">
      <c r="A46" s="17" t="s">
        <v>86</v>
      </c>
      <c r="B46" s="18" t="s">
        <v>0</v>
      </c>
      <c r="C46" s="118" t="s">
        <v>250</v>
      </c>
      <c r="D46" s="137"/>
      <c r="E46" s="26" t="s">
        <v>24</v>
      </c>
      <c r="F46" s="26" t="s">
        <v>25</v>
      </c>
      <c r="G46" s="20" t="s">
        <v>217</v>
      </c>
    </row>
    <row r="47" spans="1:7" s="22" customFormat="1" ht="94.5">
      <c r="A47" s="17" t="s">
        <v>86</v>
      </c>
      <c r="B47" s="18" t="s">
        <v>0</v>
      </c>
      <c r="C47" s="118" t="s">
        <v>251</v>
      </c>
      <c r="D47" s="137"/>
      <c r="E47" s="26" t="s">
        <v>65</v>
      </c>
      <c r="F47" s="26" t="s">
        <v>64</v>
      </c>
      <c r="G47" s="20" t="s">
        <v>144</v>
      </c>
    </row>
    <row r="48" spans="1:7" s="22" customFormat="1" ht="94.5">
      <c r="A48" s="17" t="s">
        <v>86</v>
      </c>
      <c r="B48" s="18" t="s">
        <v>0</v>
      </c>
      <c r="C48" s="118" t="s">
        <v>214</v>
      </c>
      <c r="D48" s="137"/>
      <c r="E48" s="129" t="s">
        <v>90</v>
      </c>
      <c r="F48" s="23" t="s">
        <v>134</v>
      </c>
      <c r="G48" s="20" t="s">
        <v>244</v>
      </c>
    </row>
    <row r="49" spans="1:12" s="22" customFormat="1" ht="94.5">
      <c r="A49" s="17" t="s">
        <v>86</v>
      </c>
      <c r="B49" s="18" t="s">
        <v>0</v>
      </c>
      <c r="C49" s="118" t="s">
        <v>249</v>
      </c>
      <c r="D49" s="137"/>
      <c r="E49" s="129" t="s">
        <v>241</v>
      </c>
      <c r="F49" s="23" t="s">
        <v>243</v>
      </c>
      <c r="G49" s="20" t="s">
        <v>242</v>
      </c>
    </row>
    <row r="50" spans="1:12" s="22" customFormat="1" ht="47.25">
      <c r="A50" s="33" t="s">
        <v>86</v>
      </c>
      <c r="B50" s="30" t="s">
        <v>0</v>
      </c>
      <c r="C50" s="125" t="s">
        <v>232</v>
      </c>
      <c r="D50" s="137"/>
      <c r="E50" s="132" t="s">
        <v>233</v>
      </c>
      <c r="F50" s="43" t="s">
        <v>230</v>
      </c>
      <c r="G50" s="40" t="s">
        <v>231</v>
      </c>
    </row>
    <row r="51" spans="1:12" ht="78.75" hidden="1">
      <c r="A51" s="33" t="s">
        <v>87</v>
      </c>
      <c r="B51" s="30" t="s">
        <v>0</v>
      </c>
      <c r="C51" s="125" t="s">
        <v>139</v>
      </c>
      <c r="D51" s="137"/>
      <c r="E51" s="132" t="s">
        <v>170</v>
      </c>
      <c r="F51" s="43" t="s">
        <v>126</v>
      </c>
      <c r="G51" s="40" t="s">
        <v>140</v>
      </c>
    </row>
    <row r="52" spans="1:12" ht="18.75">
      <c r="A52" s="169" t="s">
        <v>146</v>
      </c>
      <c r="B52" s="170"/>
      <c r="C52" s="170"/>
      <c r="D52" s="137"/>
      <c r="E52" s="171" t="s">
        <v>145</v>
      </c>
      <c r="F52" s="171"/>
      <c r="G52" s="172"/>
    </row>
    <row r="53" spans="1:12" ht="45" hidden="1">
      <c r="A53" s="29" t="s">
        <v>86</v>
      </c>
      <c r="B53" s="30" t="s">
        <v>0</v>
      </c>
      <c r="C53" s="126" t="s">
        <v>91</v>
      </c>
      <c r="D53" s="138"/>
      <c r="E53" s="42" t="s">
        <v>70</v>
      </c>
      <c r="F53" s="42" t="s">
        <v>123</v>
      </c>
      <c r="G53" s="40" t="s">
        <v>245</v>
      </c>
    </row>
    <row r="54" spans="1:12" ht="45">
      <c r="A54" s="29" t="s">
        <v>86</v>
      </c>
      <c r="B54" s="30" t="s">
        <v>0</v>
      </c>
      <c r="C54" s="120" t="s">
        <v>236</v>
      </c>
      <c r="D54" s="138"/>
      <c r="E54" s="42" t="s">
        <v>237</v>
      </c>
      <c r="F54" s="42" t="s">
        <v>238</v>
      </c>
      <c r="G54" s="40" t="s">
        <v>239</v>
      </c>
    </row>
    <row r="55" spans="1:12" s="22" customFormat="1" ht="45.75">
      <c r="A55" s="33" t="s">
        <v>86</v>
      </c>
      <c r="B55" s="30" t="s">
        <v>0</v>
      </c>
      <c r="C55" s="120" t="s">
        <v>183</v>
      </c>
      <c r="D55" s="137"/>
      <c r="E55" s="133" t="s">
        <v>201</v>
      </c>
      <c r="F55" s="43" t="s">
        <v>200</v>
      </c>
      <c r="G55" s="40" t="s">
        <v>182</v>
      </c>
      <c r="I55" s="44"/>
      <c r="J55" s="44"/>
      <c r="K55" s="44"/>
      <c r="L55" s="44"/>
    </row>
    <row r="56" spans="1:12" ht="18.75">
      <c r="A56" s="184" t="s">
        <v>128</v>
      </c>
      <c r="B56" s="171"/>
      <c r="C56" s="171"/>
      <c r="D56" s="137"/>
      <c r="E56" s="185" t="s">
        <v>171</v>
      </c>
      <c r="F56" s="185"/>
      <c r="G56" s="172"/>
    </row>
    <row r="57" spans="1:12" ht="45">
      <c r="A57" s="29" t="s">
        <v>86</v>
      </c>
      <c r="B57" s="30" t="s">
        <v>0</v>
      </c>
      <c r="C57" s="120" t="s">
        <v>213</v>
      </c>
      <c r="D57" s="138"/>
      <c r="E57" s="42" t="s">
        <v>48</v>
      </c>
      <c r="F57" s="45" t="s">
        <v>49</v>
      </c>
      <c r="G57" s="40" t="s">
        <v>158</v>
      </c>
    </row>
    <row r="58" spans="1:12" ht="45">
      <c r="A58" s="29" t="s">
        <v>86</v>
      </c>
      <c r="B58" s="30" t="s">
        <v>0</v>
      </c>
      <c r="C58" s="120" t="s">
        <v>154</v>
      </c>
      <c r="D58" s="138"/>
      <c r="E58" s="42" t="s">
        <v>56</v>
      </c>
      <c r="F58" s="45" t="s">
        <v>57</v>
      </c>
      <c r="G58" s="40" t="s">
        <v>157</v>
      </c>
    </row>
    <row r="59" spans="1:12" s="22" customFormat="1" ht="45">
      <c r="A59" s="29" t="s">
        <v>86</v>
      </c>
      <c r="B59" s="30" t="s">
        <v>0</v>
      </c>
      <c r="C59" s="121" t="s">
        <v>153</v>
      </c>
      <c r="D59" s="138"/>
      <c r="E59" s="42" t="s">
        <v>60</v>
      </c>
      <c r="F59" s="45" t="s">
        <v>9</v>
      </c>
      <c r="G59" s="40" t="s">
        <v>156</v>
      </c>
    </row>
    <row r="60" spans="1:12" ht="45">
      <c r="A60" s="29" t="s">
        <v>86</v>
      </c>
      <c r="B60" s="30" t="s">
        <v>0</v>
      </c>
      <c r="C60" s="124" t="s">
        <v>150</v>
      </c>
      <c r="D60" s="137"/>
      <c r="E60" s="42" t="s">
        <v>52</v>
      </c>
      <c r="F60" s="45" t="s">
        <v>53</v>
      </c>
      <c r="G60" s="40" t="s">
        <v>215</v>
      </c>
    </row>
    <row r="61" spans="1:12" ht="45">
      <c r="A61" s="29" t="s">
        <v>86</v>
      </c>
      <c r="B61" s="30" t="s">
        <v>0</v>
      </c>
      <c r="C61" s="120" t="s">
        <v>151</v>
      </c>
      <c r="D61" s="138"/>
      <c r="E61" s="42" t="s">
        <v>5</v>
      </c>
      <c r="F61" s="45" t="s">
        <v>6</v>
      </c>
      <c r="G61" s="40" t="s">
        <v>155</v>
      </c>
    </row>
    <row r="62" spans="1:12" ht="45">
      <c r="A62" s="29" t="s">
        <v>86</v>
      </c>
      <c r="B62" s="30" t="s">
        <v>0</v>
      </c>
      <c r="C62" s="149" t="s">
        <v>229</v>
      </c>
      <c r="D62" s="138"/>
      <c r="E62" s="134" t="s">
        <v>226</v>
      </c>
      <c r="F62" s="48" t="s">
        <v>227</v>
      </c>
      <c r="G62" s="40" t="s">
        <v>228</v>
      </c>
    </row>
    <row r="63" spans="1:12" ht="48" thickBot="1">
      <c r="A63" s="46" t="s">
        <v>86</v>
      </c>
      <c r="B63" s="47" t="s">
        <v>0</v>
      </c>
      <c r="C63" s="127" t="s">
        <v>152</v>
      </c>
      <c r="D63" s="141"/>
      <c r="E63" s="134" t="s">
        <v>40</v>
      </c>
      <c r="F63" s="48" t="s">
        <v>41</v>
      </c>
      <c r="G63" s="40" t="s">
        <v>149</v>
      </c>
    </row>
    <row r="64" spans="1:12" ht="39">
      <c r="A64" s="68" t="s">
        <v>127</v>
      </c>
      <c r="B64" s="69"/>
      <c r="C64" s="70"/>
      <c r="D64" s="135"/>
      <c r="E64" s="105"/>
      <c r="F64" s="71"/>
      <c r="G64" s="145" t="s">
        <v>223</v>
      </c>
    </row>
    <row r="65" spans="1:7" ht="27" thickBot="1">
      <c r="A65" s="72" t="s">
        <v>73</v>
      </c>
      <c r="B65" s="73"/>
      <c r="C65" s="74" t="s">
        <v>74</v>
      </c>
      <c r="D65" s="75"/>
      <c r="E65" s="106"/>
      <c r="F65" s="77"/>
      <c r="G65" s="146" t="s">
        <v>224</v>
      </c>
    </row>
    <row r="66" spans="1:7">
      <c r="A66" s="72" t="s">
        <v>75</v>
      </c>
      <c r="B66" s="78"/>
      <c r="C66" s="79" t="s">
        <v>76</v>
      </c>
      <c r="D66" s="80"/>
      <c r="E66" s="106"/>
      <c r="F66" s="76"/>
      <c r="G66" s="55"/>
    </row>
    <row r="67" spans="1:7" ht="32.25" thickBot="1">
      <c r="A67" s="81" t="s">
        <v>108</v>
      </c>
      <c r="B67" s="82"/>
      <c r="C67" s="83"/>
      <c r="D67" s="84"/>
      <c r="E67" s="107"/>
      <c r="F67" s="85"/>
      <c r="G67" s="56"/>
    </row>
    <row r="68" spans="1:7">
      <c r="A68" s="176" t="s">
        <v>148</v>
      </c>
      <c r="B68" s="177"/>
      <c r="C68" s="177"/>
      <c r="D68" s="177"/>
      <c r="E68" s="111"/>
      <c r="F68" s="86"/>
      <c r="G68" s="57"/>
    </row>
    <row r="69" spans="1:7">
      <c r="A69" s="87" t="s">
        <v>178</v>
      </c>
      <c r="B69" s="88" t="s">
        <v>180</v>
      </c>
      <c r="C69" s="88" t="s">
        <v>179</v>
      </c>
      <c r="D69" s="88"/>
      <c r="E69" s="112" t="s">
        <v>76</v>
      </c>
      <c r="F69" s="88"/>
      <c r="G69" s="57"/>
    </row>
    <row r="70" spans="1:7" ht="16.5" thickBot="1">
      <c r="A70" s="87"/>
      <c r="B70" s="88"/>
      <c r="C70" s="88"/>
      <c r="D70" s="88"/>
      <c r="E70" s="112"/>
      <c r="F70" s="88"/>
      <c r="G70" s="54"/>
    </row>
    <row r="71" spans="1:7" ht="21.75" thickBot="1">
      <c r="A71" s="89"/>
      <c r="B71" s="90"/>
      <c r="C71" s="90"/>
      <c r="D71" s="90"/>
      <c r="E71" s="113"/>
      <c r="F71" s="91"/>
      <c r="G71" s="58" t="s">
        <v>77</v>
      </c>
    </row>
    <row r="72" spans="1:7" ht="18.75">
      <c r="A72" s="178" t="s">
        <v>147</v>
      </c>
      <c r="B72" s="179"/>
      <c r="C72" s="179"/>
      <c r="D72" s="179"/>
      <c r="E72" s="108"/>
      <c r="F72" s="92"/>
      <c r="G72" s="4" t="s">
        <v>80</v>
      </c>
    </row>
    <row r="73" spans="1:7" ht="18.75">
      <c r="A73" s="93"/>
      <c r="B73" s="94"/>
      <c r="C73" s="180"/>
      <c r="D73" s="181"/>
      <c r="E73" s="109"/>
      <c r="F73" s="95"/>
      <c r="G73" s="150" t="s">
        <v>235</v>
      </c>
    </row>
    <row r="74" spans="1:7" ht="18.75">
      <c r="A74" s="96" t="s">
        <v>78</v>
      </c>
      <c r="B74" s="97" t="s">
        <v>133</v>
      </c>
      <c r="C74" s="98" t="s">
        <v>234</v>
      </c>
      <c r="D74" s="99"/>
      <c r="E74" s="148" t="s">
        <v>79</v>
      </c>
      <c r="F74" s="100"/>
      <c r="G74" s="2" t="s">
        <v>131</v>
      </c>
    </row>
    <row r="75" spans="1:7" ht="18.75">
      <c r="A75" s="186" t="s">
        <v>81</v>
      </c>
      <c r="B75" s="101"/>
      <c r="C75" s="98"/>
      <c r="D75" s="99"/>
      <c r="E75" s="114"/>
      <c r="F75" s="100"/>
      <c r="G75" s="4" t="s">
        <v>83</v>
      </c>
    </row>
    <row r="76" spans="1:7" ht="27" thickBot="1">
      <c r="A76" s="187"/>
      <c r="B76" s="147" t="s">
        <v>225</v>
      </c>
      <c r="C76" s="102" t="s">
        <v>84</v>
      </c>
      <c r="D76" s="103"/>
      <c r="E76" s="182" t="s">
        <v>82</v>
      </c>
      <c r="F76" s="183"/>
      <c r="G76" s="115" t="s">
        <v>202</v>
      </c>
    </row>
  </sheetData>
  <sheetProtection selectLockedCells="1"/>
  <mergeCells count="16">
    <mergeCell ref="A68:D68"/>
    <mergeCell ref="A72:D72"/>
    <mergeCell ref="C73:D73"/>
    <mergeCell ref="E76:F76"/>
    <mergeCell ref="A56:C56"/>
    <mergeCell ref="E56:G56"/>
    <mergeCell ref="A75:A76"/>
    <mergeCell ref="A1:G1"/>
    <mergeCell ref="A4:G4"/>
    <mergeCell ref="A5:G5"/>
    <mergeCell ref="A52:C52"/>
    <mergeCell ref="E52:G52"/>
    <mergeCell ref="A39:C39"/>
    <mergeCell ref="E39:G39"/>
    <mergeCell ref="A8:C8"/>
    <mergeCell ref="E8:G8"/>
  </mergeCells>
  <hyperlinks>
    <hyperlink ref="E76:F76" r:id="rId1" display="Email: jchaffin@redgold.com" xr:uid="{00000000-0004-0000-0000-000000000000}"/>
    <hyperlink ref="G72" r:id="rId2" xr:uid="{00000000-0004-0000-0000-000001000000}"/>
    <hyperlink ref="G75" r:id="rId3" xr:uid="{00000000-0004-0000-0000-000002000000}"/>
    <hyperlink ref="E74" r:id="rId4" display="Email: dsaverino@redgold.com" xr:uid="{00000000-0004-0000-0000-000003000000}"/>
    <hyperlink ref="G73" r:id="rId5" xr:uid="{00000000-0004-0000-0000-000004000000}"/>
    <hyperlink ref="G74" r:id="rId6" xr:uid="{00000000-0004-0000-0000-000005000000}"/>
  </hyperlinks>
  <printOptions gridLines="1"/>
  <pageMargins left="0.7" right="0.7" top="0.75" bottom="0.75" header="0.3" footer="0.3"/>
  <pageSetup scale="55" fitToHeight="0" orientation="landscape" r:id="rId7"/>
  <headerFooter>
    <oddHeader>&amp;C&amp;P of &amp;N</oddHeader>
  </headerFooter>
  <rowBreaks count="5" manualBreakCount="5">
    <brk id="13" max="6" man="1"/>
    <brk id="20" max="6" man="1"/>
    <brk id="30" max="6" man="1"/>
    <brk id="38" max="6" man="1"/>
    <brk id="51" max="6" man="1"/>
  </rowBreaks>
  <drawing r:id="rId8"/>
  <legacyDrawing r:id="rId9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100-000000000000}">
  <dimension ref="A1"/>
  <sheetViews>
    <sheetView workbookViewId="0"/>
  </sheetViews>
  <sheetFormatPr defaultRowHeight="15"/>
  <sheetData/>
  <pageMargins left="0.7" right="0.7" top="0.75" bottom="0.75" header="0.3" footer="0.3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Worksheets</vt:lpstr>
      </vt:variant>
      <vt:variant>
        <vt:i4>2</vt:i4>
      </vt:variant>
      <vt:variant>
        <vt:lpstr>Named Ranges</vt:lpstr>
      </vt:variant>
      <vt:variant>
        <vt:i4>2</vt:i4>
      </vt:variant>
    </vt:vector>
  </HeadingPairs>
  <TitlesOfParts>
    <vt:vector size="4" baseType="lpstr">
      <vt:lpstr>Generic Tomato Product Specs</vt:lpstr>
      <vt:lpstr>Sheet3</vt:lpstr>
      <vt:lpstr>'Generic Tomato Product Specs'!Print_Area</vt:lpstr>
      <vt:lpstr>'Generic Tomato Product Specs'!Print_Titles</vt:lpstr>
    </vt:vector>
  </TitlesOfParts>
  <Company>Red Gold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Jodi Batten</dc:creator>
  <cp:lastModifiedBy>Grant Jones</cp:lastModifiedBy>
  <cp:lastPrinted>2024-03-15T14:26:27Z</cp:lastPrinted>
  <dcterms:created xsi:type="dcterms:W3CDTF">2014-11-06T21:00:05Z</dcterms:created>
  <dcterms:modified xsi:type="dcterms:W3CDTF">2025-09-12T20:00:10Z</dcterms:modified>
</cp:coreProperties>
</file>